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2年度分\☆HP原稿\02_項目別（統計以降）（Excel）\02_指標\"/>
    </mc:Choice>
  </mc:AlternateContent>
  <bookViews>
    <workbookView xWindow="0" yWindow="0" windowWidth="18804" windowHeight="2940"/>
  </bookViews>
  <sheets>
    <sheet name="特定健診受診率の状況" sheetId="1" r:id="rId1"/>
    <sheet name="保健指導終了率の状況" sheetId="2" r:id="rId2"/>
  </sheets>
  <definedNames>
    <definedName name="_Fill" localSheetId="0" hidden="1">#REF!</definedName>
    <definedName name="_Fill" localSheetId="1" hidden="1">#REF!</definedName>
    <definedName name="_Fill" hidden="1">#REF!</definedName>
    <definedName name="_Key1" localSheetId="0" hidden="1">#REF!</definedName>
    <definedName name="_Key1" localSheetId="1" hidden="1">#REF!</definedName>
    <definedName name="_Key1" hidden="1">#REF!</definedName>
    <definedName name="_Order1" hidden="1">0</definedName>
    <definedName name="\a" localSheetId="0">#REF!</definedName>
    <definedName name="\a" localSheetId="1">#REF!</definedName>
    <definedName name="\a">#REF!</definedName>
    <definedName name="\b" localSheetId="0">#REF!</definedName>
    <definedName name="\b" localSheetId="1">#REF!</definedName>
    <definedName name="\b">#REF!</definedName>
    <definedName name="_xlnm.Print_Area" localSheetId="0">特定健診受診率の状況!$A$1:$N$48</definedName>
    <definedName name="_xlnm.Print_Area" localSheetId="1">保健指導終了率の状況!$A$1:$N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38" uniqueCount="72">
  <si>
    <t>県   計</t>
    <rPh sb="4" eb="5">
      <t>ケイ</t>
    </rPh>
    <phoneticPr fontId="5"/>
  </si>
  <si>
    <t>組 合 計</t>
    <rPh sb="4" eb="5">
      <t>ケイ</t>
    </rPh>
    <phoneticPr fontId="5"/>
  </si>
  <si>
    <t>市町村計</t>
    <rPh sb="3" eb="4">
      <t>ケイ</t>
    </rPh>
    <phoneticPr fontId="6"/>
  </si>
  <si>
    <t xml:space="preserve"> 建設連合</t>
  </si>
  <si>
    <t xml:space="preserve"> 建設業</t>
  </si>
  <si>
    <t xml:space="preserve"> 薬剤師</t>
  </si>
  <si>
    <t xml:space="preserve"> 食品衛生</t>
  </si>
  <si>
    <t xml:space="preserve"> 歯科医師</t>
  </si>
  <si>
    <t xml:space="preserve"> 医師</t>
  </si>
  <si>
    <t xml:space="preserve"> 清川村</t>
  </si>
  <si>
    <t xml:space="preserve"> 愛川町</t>
  </si>
  <si>
    <t xml:space="preserve"> 湯河原町</t>
  </si>
  <si>
    <t xml:space="preserve"> 真鶴町</t>
  </si>
  <si>
    <t xml:space="preserve"> 箱根町</t>
  </si>
  <si>
    <t xml:space="preserve"> 開成町</t>
  </si>
  <si>
    <t xml:space="preserve"> 山北町</t>
  </si>
  <si>
    <t xml:space="preserve"> 松田町</t>
  </si>
  <si>
    <t xml:space="preserve"> 大井町</t>
  </si>
  <si>
    <t xml:space="preserve"> 中井町</t>
  </si>
  <si>
    <t xml:space="preserve"> 二宮町</t>
  </si>
  <si>
    <t xml:space="preserve"> 大磯町</t>
  </si>
  <si>
    <t xml:space="preserve"> 綾瀬市</t>
  </si>
  <si>
    <t xml:space="preserve"> 寒川町</t>
  </si>
  <si>
    <t xml:space="preserve"> 葉山町</t>
  </si>
  <si>
    <t xml:space="preserve"> 南足柄市</t>
  </si>
  <si>
    <t xml:space="preserve"> 座間市</t>
  </si>
  <si>
    <t xml:space="preserve"> 海老名市</t>
  </si>
  <si>
    <t xml:space="preserve"> 伊勢原市</t>
  </si>
  <si>
    <t xml:space="preserve"> 大和市</t>
  </si>
  <si>
    <t xml:space="preserve"> 厚木市</t>
  </si>
  <si>
    <t xml:space="preserve"> 秦野市</t>
  </si>
  <si>
    <t xml:space="preserve"> 三浦市</t>
  </si>
  <si>
    <t xml:space="preserve"> 相模原市</t>
  </si>
  <si>
    <t xml:space="preserve"> 逗子市</t>
  </si>
  <si>
    <t xml:space="preserve"> 茅ヶ崎市</t>
  </si>
  <si>
    <t xml:space="preserve"> 小田原市</t>
  </si>
  <si>
    <t xml:space="preserve"> 藤沢市</t>
  </si>
  <si>
    <t xml:space="preserve"> 鎌倉市</t>
  </si>
  <si>
    <t xml:space="preserve"> 平塚市</t>
  </si>
  <si>
    <t xml:space="preserve"> 横須賀市</t>
  </si>
  <si>
    <t xml:space="preserve"> 川崎市</t>
  </si>
  <si>
    <t xml:space="preserve"> 横浜市</t>
  </si>
  <si>
    <t>（％）</t>
    <phoneticPr fontId="7"/>
  </si>
  <si>
    <t>（人）</t>
    <rPh sb="1" eb="2">
      <t>ニン</t>
    </rPh>
    <phoneticPr fontId="7"/>
  </si>
  <si>
    <t>（％）</t>
    <phoneticPr fontId="7"/>
  </si>
  <si>
    <t>（％）</t>
    <phoneticPr fontId="7"/>
  </si>
  <si>
    <t>受診率</t>
    <rPh sb="0" eb="2">
      <t>ジュシン</t>
    </rPh>
    <rPh sb="2" eb="3">
      <t>リツ</t>
    </rPh>
    <phoneticPr fontId="7"/>
  </si>
  <si>
    <t>受診者数</t>
    <rPh sb="0" eb="3">
      <t>ジュシンシャ</t>
    </rPh>
    <rPh sb="3" eb="4">
      <t>スウ</t>
    </rPh>
    <phoneticPr fontId="7"/>
  </si>
  <si>
    <t>対象者数</t>
    <rPh sb="0" eb="3">
      <t>タイショウシャ</t>
    </rPh>
    <rPh sb="3" eb="4">
      <t>スウ</t>
    </rPh>
    <phoneticPr fontId="7"/>
  </si>
  <si>
    <t>元→２　　受診率　　増減（％）</t>
    <rPh sb="0" eb="1">
      <t>ゲン</t>
    </rPh>
    <rPh sb="5" eb="7">
      <t>ジュシン</t>
    </rPh>
    <rPh sb="7" eb="8">
      <t>リツ</t>
    </rPh>
    <rPh sb="10" eb="12">
      <t>ゾウゲン</t>
    </rPh>
    <phoneticPr fontId="6"/>
  </si>
  <si>
    <t>２年度</t>
    <rPh sb="1" eb="3">
      <t>ネンド</t>
    </rPh>
    <phoneticPr fontId="6"/>
  </si>
  <si>
    <t>30→元　　受診率　　増減（％）</t>
    <rPh sb="3" eb="4">
      <t>ガン</t>
    </rPh>
    <rPh sb="6" eb="8">
      <t>ジュシン</t>
    </rPh>
    <rPh sb="8" eb="9">
      <t>リツ</t>
    </rPh>
    <rPh sb="11" eb="13">
      <t>ゾウゲン</t>
    </rPh>
    <phoneticPr fontId="6"/>
  </si>
  <si>
    <t>元年度</t>
    <rPh sb="0" eb="1">
      <t>ガン</t>
    </rPh>
    <rPh sb="1" eb="3">
      <t>ネンド</t>
    </rPh>
    <phoneticPr fontId="6"/>
  </si>
  <si>
    <t>29→30　　受診率　　増減（％）</t>
    <rPh sb="7" eb="9">
      <t>ジュシン</t>
    </rPh>
    <rPh sb="9" eb="10">
      <t>リツ</t>
    </rPh>
    <rPh sb="12" eb="14">
      <t>ゾウゲン</t>
    </rPh>
    <phoneticPr fontId="6"/>
  </si>
  <si>
    <t>30年度</t>
    <rPh sb="2" eb="4">
      <t>ネンド</t>
    </rPh>
    <phoneticPr fontId="6"/>
  </si>
  <si>
    <t>特　定　健　康　診　査</t>
    <rPh sb="0" eb="1">
      <t>トク</t>
    </rPh>
    <rPh sb="2" eb="3">
      <t>サダム</t>
    </rPh>
    <rPh sb="4" eb="5">
      <t>ケン</t>
    </rPh>
    <rPh sb="6" eb="7">
      <t>ヤスシ</t>
    </rPh>
    <rPh sb="8" eb="9">
      <t>ミ</t>
    </rPh>
    <rPh sb="10" eb="11">
      <t>サ</t>
    </rPh>
    <phoneticPr fontId="6"/>
  </si>
  <si>
    <t>保険者名</t>
  </si>
  <si>
    <t>５.保健事業（１）　特定健診受診率の状況</t>
    <rPh sb="2" eb="4">
      <t>ホケン</t>
    </rPh>
    <rPh sb="4" eb="6">
      <t>ジギョウ</t>
    </rPh>
    <rPh sb="10" eb="12">
      <t>トクテイ</t>
    </rPh>
    <rPh sb="12" eb="13">
      <t>ケン</t>
    </rPh>
    <rPh sb="13" eb="14">
      <t>ミ</t>
    </rPh>
    <rPh sb="14" eb="16">
      <t>ジュシン</t>
    </rPh>
    <rPh sb="16" eb="17">
      <t>リツ</t>
    </rPh>
    <rPh sb="18" eb="20">
      <t>ジョウキョウ</t>
    </rPh>
    <phoneticPr fontId="5"/>
  </si>
  <si>
    <t>（％）</t>
    <phoneticPr fontId="7"/>
  </si>
  <si>
    <t>（％）</t>
    <phoneticPr fontId="7"/>
  </si>
  <si>
    <t>（％）</t>
  </si>
  <si>
    <t>終了率</t>
    <rPh sb="0" eb="2">
      <t>シュウリョウ</t>
    </rPh>
    <rPh sb="2" eb="3">
      <t>リツ</t>
    </rPh>
    <phoneticPr fontId="7"/>
  </si>
  <si>
    <t>終了者数</t>
    <rPh sb="0" eb="3">
      <t>シュウリョウシャ</t>
    </rPh>
    <rPh sb="3" eb="4">
      <t>スウ</t>
    </rPh>
    <phoneticPr fontId="7"/>
  </si>
  <si>
    <t>元→２　　終了率　　増減（％）</t>
    <rPh sb="0" eb="1">
      <t>モト</t>
    </rPh>
    <rPh sb="5" eb="7">
      <t>シュウリョウ</t>
    </rPh>
    <rPh sb="7" eb="8">
      <t>リツ</t>
    </rPh>
    <rPh sb="10" eb="12">
      <t>ゾウゲン</t>
    </rPh>
    <phoneticPr fontId="6"/>
  </si>
  <si>
    <t>２年度</t>
    <rPh sb="1" eb="3">
      <t>ネンド</t>
    </rPh>
    <phoneticPr fontId="11"/>
  </si>
  <si>
    <t>30→元　　終了率　　増減（％）</t>
    <rPh sb="3" eb="4">
      <t>モト</t>
    </rPh>
    <rPh sb="6" eb="8">
      <t>シュウリョウ</t>
    </rPh>
    <rPh sb="8" eb="9">
      <t>リツ</t>
    </rPh>
    <rPh sb="11" eb="13">
      <t>ゾウゲン</t>
    </rPh>
    <phoneticPr fontId="6"/>
  </si>
  <si>
    <t>元年度</t>
    <rPh sb="0" eb="1">
      <t>ガン</t>
    </rPh>
    <rPh sb="1" eb="3">
      <t>ネンド</t>
    </rPh>
    <phoneticPr fontId="11"/>
  </si>
  <si>
    <t>29→30　　終了率　　増減（％）</t>
    <rPh sb="7" eb="9">
      <t>シュウリョウ</t>
    </rPh>
    <rPh sb="9" eb="10">
      <t>リツ</t>
    </rPh>
    <rPh sb="12" eb="14">
      <t>ゾウゲン</t>
    </rPh>
    <phoneticPr fontId="6"/>
  </si>
  <si>
    <t>30年度</t>
    <rPh sb="2" eb="4">
      <t>ネンド</t>
    </rPh>
    <phoneticPr fontId="11"/>
  </si>
  <si>
    <t>特　定　保　健　指　導</t>
    <phoneticPr fontId="6"/>
  </si>
  <si>
    <t>保険者名</t>
    <phoneticPr fontId="6"/>
  </si>
  <si>
    <t>５.保健事業（２）特定保健指導終了率の状況</t>
    <rPh sb="2" eb="4">
      <t>ホケン</t>
    </rPh>
    <rPh sb="4" eb="6">
      <t>ジギョウ</t>
    </rPh>
    <rPh sb="9" eb="11">
      <t>トクテイ</t>
    </rPh>
    <rPh sb="11" eb="13">
      <t>ホケン</t>
    </rPh>
    <rPh sb="13" eb="15">
      <t>シドウ</t>
    </rPh>
    <rPh sb="15" eb="17">
      <t>シュウリョウ</t>
    </rPh>
    <rPh sb="17" eb="18">
      <t>リツ</t>
    </rPh>
    <rPh sb="19" eb="21">
      <t>ジョウキョ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0.0_ "/>
    <numFmt numFmtId="177" formatCode="0.0_);[Red]\(0.0\)"/>
    <numFmt numFmtId="178" formatCode="#,##0.0_ "/>
    <numFmt numFmtId="179" formatCode="#,##0.0"/>
  </numFmts>
  <fonts count="12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9"/>
      <name val="ＭＳ Ｐゴシック"/>
      <family val="3"/>
      <charset val="128"/>
    </font>
    <font>
      <sz val="6"/>
      <name val="ＭＳ 明朝"/>
      <family val="2"/>
      <charset val="128"/>
    </font>
    <font>
      <sz val="10"/>
      <name val="ＭＳ Ｐゴシック"/>
      <family val="3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11"/>
      <name val="ＭＳ Ｐゴシック"/>
      <family val="3"/>
      <charset val="128"/>
    </font>
    <font>
      <sz val="14"/>
      <name val="Terminal"/>
      <family val="3"/>
      <charset val="255"/>
    </font>
    <font>
      <sz val="9"/>
      <color rgb="FFFF0000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50">
    <border>
      <left/>
      <right/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medium">
        <color indexed="64"/>
      </top>
      <bottom/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7" fillId="0" borderId="0"/>
    <xf numFmtId="37" fontId="8" fillId="0" borderId="0"/>
  </cellStyleXfs>
  <cellXfs count="180">
    <xf numFmtId="0" fontId="0" fillId="0" borderId="0" xfId="0"/>
    <xf numFmtId="38" fontId="2" fillId="0" borderId="0" xfId="1" applyFont="1"/>
    <xf numFmtId="38" fontId="2" fillId="0" borderId="0" xfId="1" applyFont="1" applyFill="1"/>
    <xf numFmtId="0" fontId="2" fillId="0" borderId="0" xfId="1" quotePrefix="1" applyNumberFormat="1" applyFont="1"/>
    <xf numFmtId="38" fontId="2" fillId="0" borderId="0" xfId="1" applyFont="1" applyBorder="1"/>
    <xf numFmtId="176" fontId="4" fillId="0" borderId="1" xfId="1" applyNumberFormat="1" applyFont="1" applyBorder="1" applyAlignment="1">
      <alignment horizontal="right"/>
    </xf>
    <xf numFmtId="177" fontId="4" fillId="0" borderId="2" xfId="1" applyNumberFormat="1" applyFont="1" applyFill="1" applyBorder="1" applyAlignment="1">
      <alignment horizontal="right"/>
    </xf>
    <xf numFmtId="38" fontId="4" fillId="0" borderId="2" xfId="1" applyFont="1" applyBorder="1" applyAlignment="1">
      <alignment horizontal="right"/>
    </xf>
    <xf numFmtId="38" fontId="4" fillId="0" borderId="3" xfId="1" applyFont="1" applyBorder="1" applyAlignment="1">
      <alignment horizontal="right"/>
    </xf>
    <xf numFmtId="176" fontId="4" fillId="0" borderId="2" xfId="1" applyNumberFormat="1" applyFont="1" applyBorder="1" applyAlignment="1">
      <alignment horizontal="right"/>
    </xf>
    <xf numFmtId="178" fontId="4" fillId="0" borderId="2" xfId="1" applyNumberFormat="1" applyFont="1" applyFill="1" applyBorder="1" applyAlignment="1">
      <alignment horizontal="right"/>
    </xf>
    <xf numFmtId="179" fontId="4" fillId="0" borderId="3" xfId="1" applyNumberFormat="1" applyFont="1" applyBorder="1"/>
    <xf numFmtId="3" fontId="4" fillId="0" borderId="3" xfId="1" applyNumberFormat="1" applyFont="1" applyBorder="1"/>
    <xf numFmtId="176" fontId="4" fillId="0" borderId="6" xfId="1" applyNumberFormat="1" applyFont="1" applyBorder="1" applyAlignment="1">
      <alignment horizontal="right"/>
    </xf>
    <xf numFmtId="177" fontId="4" fillId="0" borderId="7" xfId="1" applyNumberFormat="1" applyFont="1" applyFill="1" applyBorder="1" applyAlignment="1">
      <alignment horizontal="right"/>
    </xf>
    <xf numFmtId="38" fontId="4" fillId="0" borderId="7" xfId="1" applyFont="1" applyBorder="1" applyAlignment="1">
      <alignment horizontal="right"/>
    </xf>
    <xf numFmtId="38" fontId="4" fillId="0" borderId="8" xfId="1" applyFont="1" applyBorder="1" applyAlignment="1">
      <alignment horizontal="right"/>
    </xf>
    <xf numFmtId="176" fontId="4" fillId="0" borderId="7" xfId="1" applyNumberFormat="1" applyFont="1" applyBorder="1" applyAlignment="1">
      <alignment horizontal="right"/>
    </xf>
    <xf numFmtId="179" fontId="4" fillId="0" borderId="8" xfId="1" applyNumberFormat="1" applyFont="1" applyBorder="1"/>
    <xf numFmtId="3" fontId="4" fillId="0" borderId="8" xfId="1" applyNumberFormat="1" applyFont="1" applyBorder="1"/>
    <xf numFmtId="176" fontId="4" fillId="0" borderId="11" xfId="1" applyNumberFormat="1" applyFont="1" applyBorder="1" applyAlignment="1">
      <alignment horizontal="right"/>
    </xf>
    <xf numFmtId="177" fontId="4" fillId="0" borderId="12" xfId="2" applyNumberFormat="1" applyFont="1" applyFill="1" applyBorder="1" applyAlignment="1">
      <alignment horizontal="right"/>
    </xf>
    <xf numFmtId="38" fontId="4" fillId="0" borderId="12" xfId="1" applyFont="1" applyBorder="1" applyAlignment="1">
      <alignment horizontal="right"/>
    </xf>
    <xf numFmtId="38" fontId="4" fillId="0" borderId="9" xfId="1" applyFont="1" applyBorder="1" applyAlignment="1">
      <alignment horizontal="right"/>
    </xf>
    <xf numFmtId="176" fontId="4" fillId="0" borderId="12" xfId="1" applyNumberFormat="1" applyFont="1" applyBorder="1" applyAlignment="1">
      <alignment horizontal="right"/>
    </xf>
    <xf numFmtId="176" fontId="4" fillId="0" borderId="13" xfId="1" applyNumberFormat="1" applyFont="1" applyBorder="1" applyAlignment="1">
      <alignment horizontal="right"/>
    </xf>
    <xf numFmtId="177" fontId="4" fillId="0" borderId="14" xfId="2" applyNumberFormat="1" applyFont="1" applyFill="1" applyBorder="1" applyAlignment="1">
      <alignment horizontal="right"/>
    </xf>
    <xf numFmtId="38" fontId="4" fillId="0" borderId="14" xfId="1" applyFont="1" applyFill="1" applyBorder="1" applyAlignment="1">
      <alignment horizontal="right"/>
    </xf>
    <xf numFmtId="38" fontId="4" fillId="0" borderId="15" xfId="1" applyFont="1" applyFill="1" applyBorder="1" applyAlignment="1">
      <alignment horizontal="right"/>
    </xf>
    <xf numFmtId="176" fontId="4" fillId="0" borderId="14" xfId="1" applyNumberFormat="1" applyFont="1" applyBorder="1" applyAlignment="1">
      <alignment horizontal="right"/>
    </xf>
    <xf numFmtId="179" fontId="4" fillId="0" borderId="15" xfId="1" applyNumberFormat="1" applyFont="1" applyBorder="1"/>
    <xf numFmtId="3" fontId="4" fillId="0" borderId="15" xfId="1" applyNumberFormat="1" applyFont="1" applyBorder="1"/>
    <xf numFmtId="38" fontId="2" fillId="0" borderId="14" xfId="1" applyFont="1" applyBorder="1"/>
    <xf numFmtId="38" fontId="2" fillId="0" borderId="16" xfId="1" applyFont="1" applyBorder="1"/>
    <xf numFmtId="176" fontId="4" fillId="0" borderId="17" xfId="1" applyNumberFormat="1" applyFont="1" applyBorder="1" applyAlignment="1">
      <alignment horizontal="right"/>
    </xf>
    <xf numFmtId="177" fontId="4" fillId="0" borderId="18" xfId="2" applyNumberFormat="1" applyFont="1" applyFill="1" applyBorder="1" applyAlignment="1">
      <alignment horizontal="right"/>
    </xf>
    <xf numFmtId="38" fontId="4" fillId="0" borderId="18" xfId="1" applyFont="1" applyFill="1" applyBorder="1" applyAlignment="1">
      <alignment horizontal="right"/>
    </xf>
    <xf numFmtId="38" fontId="4" fillId="0" borderId="19" xfId="1" applyFont="1" applyFill="1" applyBorder="1" applyAlignment="1">
      <alignment horizontal="right"/>
    </xf>
    <xf numFmtId="176" fontId="4" fillId="0" borderId="18" xfId="1" applyNumberFormat="1" applyFont="1" applyBorder="1" applyAlignment="1">
      <alignment horizontal="right"/>
    </xf>
    <xf numFmtId="179" fontId="4" fillId="0" borderId="19" xfId="1" applyNumberFormat="1" applyFont="1" applyBorder="1"/>
    <xf numFmtId="3" fontId="4" fillId="0" borderId="19" xfId="1" applyNumberFormat="1" applyFont="1" applyBorder="1"/>
    <xf numFmtId="38" fontId="2" fillId="0" borderId="18" xfId="1" applyFont="1" applyBorder="1"/>
    <xf numFmtId="38" fontId="2" fillId="0" borderId="20" xfId="1" applyFont="1" applyBorder="1"/>
    <xf numFmtId="176" fontId="4" fillId="0" borderId="21" xfId="1" applyNumberFormat="1" applyFont="1" applyBorder="1" applyAlignment="1">
      <alignment horizontal="right"/>
    </xf>
    <xf numFmtId="177" fontId="4" fillId="0" borderId="22" xfId="2" applyNumberFormat="1" applyFont="1" applyFill="1" applyBorder="1" applyAlignment="1">
      <alignment horizontal="right"/>
    </xf>
    <xf numFmtId="38" fontId="4" fillId="0" borderId="22" xfId="1" applyFont="1" applyFill="1" applyBorder="1" applyAlignment="1">
      <alignment horizontal="right"/>
    </xf>
    <xf numFmtId="38" fontId="4" fillId="0" borderId="23" xfId="1" applyFont="1" applyFill="1" applyBorder="1" applyAlignment="1">
      <alignment horizontal="right"/>
    </xf>
    <xf numFmtId="176" fontId="4" fillId="0" borderId="22" xfId="1" applyNumberFormat="1" applyFont="1" applyBorder="1" applyAlignment="1">
      <alignment horizontal="right"/>
    </xf>
    <xf numFmtId="179" fontId="4" fillId="0" borderId="23" xfId="1" applyNumberFormat="1" applyFont="1" applyBorder="1"/>
    <xf numFmtId="3" fontId="4" fillId="0" borderId="23" xfId="1" applyNumberFormat="1" applyFont="1" applyBorder="1"/>
    <xf numFmtId="38" fontId="2" fillId="0" borderId="22" xfId="1" applyFont="1" applyBorder="1"/>
    <xf numFmtId="177" fontId="4" fillId="0" borderId="24" xfId="2" applyNumberFormat="1" applyFont="1" applyFill="1" applyBorder="1" applyAlignment="1">
      <alignment horizontal="right"/>
    </xf>
    <xf numFmtId="38" fontId="2" fillId="0" borderId="25" xfId="1" applyFont="1" applyBorder="1"/>
    <xf numFmtId="177" fontId="4" fillId="0" borderId="26" xfId="2" applyNumberFormat="1" applyFont="1" applyFill="1" applyBorder="1" applyAlignment="1">
      <alignment horizontal="right"/>
    </xf>
    <xf numFmtId="177" fontId="4" fillId="0" borderId="27" xfId="2" applyNumberFormat="1" applyFont="1" applyFill="1" applyBorder="1" applyAlignment="1">
      <alignment horizontal="right"/>
    </xf>
    <xf numFmtId="176" fontId="4" fillId="0" borderId="18" xfId="2" applyNumberFormat="1" applyFont="1" applyFill="1" applyBorder="1" applyAlignment="1">
      <alignment horizontal="right"/>
    </xf>
    <xf numFmtId="38" fontId="2" fillId="0" borderId="28" xfId="1" applyFont="1" applyBorder="1"/>
    <xf numFmtId="179" fontId="4" fillId="0" borderId="18" xfId="1" applyNumberFormat="1" applyFont="1" applyBorder="1"/>
    <xf numFmtId="3" fontId="4" fillId="0" borderId="18" xfId="1" applyNumberFormat="1" applyFont="1" applyBorder="1"/>
    <xf numFmtId="179" fontId="4" fillId="0" borderId="19" xfId="1" applyNumberFormat="1" applyFont="1" applyFill="1" applyBorder="1"/>
    <xf numFmtId="3" fontId="4" fillId="0" borderId="19" xfId="1" applyNumberFormat="1" applyFont="1" applyFill="1" applyBorder="1"/>
    <xf numFmtId="176" fontId="4" fillId="2" borderId="17" xfId="1" applyNumberFormat="1" applyFont="1" applyFill="1" applyBorder="1" applyAlignment="1">
      <alignment horizontal="right"/>
    </xf>
    <xf numFmtId="177" fontId="4" fillId="2" borderId="26" xfId="2" applyNumberFormat="1" applyFont="1" applyFill="1" applyBorder="1" applyAlignment="1">
      <alignment horizontal="right"/>
    </xf>
    <xf numFmtId="38" fontId="4" fillId="2" borderId="18" xfId="1" applyFont="1" applyFill="1" applyBorder="1" applyAlignment="1">
      <alignment horizontal="right"/>
    </xf>
    <xf numFmtId="38" fontId="4" fillId="2" borderId="19" xfId="1" applyFont="1" applyFill="1" applyBorder="1" applyAlignment="1">
      <alignment horizontal="right"/>
    </xf>
    <xf numFmtId="176" fontId="4" fillId="2" borderId="18" xfId="1" applyNumberFormat="1" applyFont="1" applyFill="1" applyBorder="1" applyAlignment="1">
      <alignment horizontal="right"/>
    </xf>
    <xf numFmtId="179" fontId="4" fillId="0" borderId="23" xfId="1" applyNumberFormat="1" applyFont="1" applyFill="1" applyBorder="1"/>
    <xf numFmtId="3" fontId="4" fillId="0" borderId="23" xfId="1" applyNumberFormat="1" applyFont="1" applyFill="1" applyBorder="1"/>
    <xf numFmtId="37" fontId="2" fillId="0" borderId="22" xfId="4" applyFont="1" applyFill="1" applyBorder="1" applyAlignment="1" applyProtection="1">
      <alignment horizontal="right"/>
    </xf>
    <xf numFmtId="49" fontId="2" fillId="0" borderId="22" xfId="4" applyNumberFormat="1" applyFont="1" applyFill="1" applyBorder="1" applyAlignment="1" applyProtection="1">
      <alignment horizontal="right"/>
    </xf>
    <xf numFmtId="49" fontId="2" fillId="0" borderId="23" xfId="4" applyNumberFormat="1" applyFont="1" applyFill="1" applyBorder="1" applyAlignment="1" applyProtection="1">
      <alignment horizontal="right"/>
    </xf>
    <xf numFmtId="37" fontId="2" fillId="0" borderId="31" xfId="4" applyFont="1" applyFill="1" applyBorder="1" applyAlignment="1" applyProtection="1">
      <alignment horizontal="center" shrinkToFit="1"/>
    </xf>
    <xf numFmtId="37" fontId="2" fillId="0" borderId="32" xfId="4" applyFont="1" applyFill="1" applyBorder="1" applyAlignment="1" applyProtection="1">
      <alignment horizontal="center" shrinkToFit="1"/>
    </xf>
    <xf numFmtId="37" fontId="2" fillId="0" borderId="0" xfId="4" applyFont="1" applyFill="1" applyBorder="1" applyAlignment="1" applyProtection="1">
      <alignment horizontal="center" shrinkToFit="1"/>
    </xf>
    <xf numFmtId="37" fontId="2" fillId="0" borderId="33" xfId="4" applyFont="1" applyFill="1" applyBorder="1" applyAlignment="1" applyProtection="1">
      <alignment horizontal="center" shrinkToFit="1"/>
    </xf>
    <xf numFmtId="38" fontId="9" fillId="0" borderId="0" xfId="1" applyFont="1"/>
    <xf numFmtId="49" fontId="7" fillId="0" borderId="0" xfId="1" applyNumberFormat="1" applyFont="1"/>
    <xf numFmtId="179" fontId="4" fillId="0" borderId="1" xfId="1" applyNumberFormat="1" applyFont="1" applyBorder="1"/>
    <xf numFmtId="179" fontId="4" fillId="0" borderId="42" xfId="1" applyNumberFormat="1" applyFont="1" applyBorder="1"/>
    <xf numFmtId="38" fontId="4" fillId="0" borderId="2" xfId="1" applyFont="1" applyFill="1" applyBorder="1" applyProtection="1"/>
    <xf numFmtId="38" fontId="4" fillId="0" borderId="3" xfId="1" applyFont="1" applyFill="1" applyBorder="1" applyProtection="1"/>
    <xf numFmtId="3" fontId="4" fillId="0" borderId="42" xfId="1" applyNumberFormat="1" applyFont="1" applyBorder="1"/>
    <xf numFmtId="179" fontId="4" fillId="0" borderId="11" xfId="1" applyNumberFormat="1" applyFont="1" applyBorder="1"/>
    <xf numFmtId="179" fontId="4" fillId="0" borderId="12" xfId="1" applyNumberFormat="1" applyFont="1" applyBorder="1"/>
    <xf numFmtId="38" fontId="4" fillId="0" borderId="12" xfId="1" applyFont="1" applyBorder="1"/>
    <xf numFmtId="38" fontId="4" fillId="0" borderId="9" xfId="1" applyFont="1" applyBorder="1"/>
    <xf numFmtId="179" fontId="4" fillId="0" borderId="43" xfId="1" applyNumberFormat="1" applyFont="1" applyBorder="1"/>
    <xf numFmtId="3" fontId="4" fillId="0" borderId="43" xfId="1" applyNumberFormat="1" applyFont="1" applyBorder="1"/>
    <xf numFmtId="179" fontId="4" fillId="0" borderId="30" xfId="1" applyNumberFormat="1" applyFont="1" applyBorder="1"/>
    <xf numFmtId="0" fontId="4" fillId="0" borderId="14" xfId="1" applyNumberFormat="1" applyFont="1" applyBorder="1"/>
    <xf numFmtId="38" fontId="4" fillId="0" borderId="31" xfId="1" applyFont="1" applyBorder="1"/>
    <xf numFmtId="38" fontId="4" fillId="0" borderId="44" xfId="1" applyFont="1" applyBorder="1"/>
    <xf numFmtId="3" fontId="4" fillId="0" borderId="45" xfId="1" applyNumberFormat="1" applyFont="1" applyBorder="1"/>
    <xf numFmtId="179" fontId="4" fillId="0" borderId="21" xfId="1" applyNumberFormat="1" applyFont="1" applyBorder="1"/>
    <xf numFmtId="0" fontId="4" fillId="0" borderId="18" xfId="1" applyNumberFormat="1" applyFont="1" applyBorder="1"/>
    <xf numFmtId="38" fontId="4" fillId="0" borderId="18" xfId="1" applyFont="1" applyBorder="1"/>
    <xf numFmtId="38" fontId="4" fillId="0" borderId="19" xfId="1" applyFont="1" applyBorder="1"/>
    <xf numFmtId="179" fontId="4" fillId="0" borderId="22" xfId="1" applyNumberFormat="1" applyFont="1" applyBorder="1"/>
    <xf numFmtId="3" fontId="4" fillId="0" borderId="26" xfId="1" applyNumberFormat="1" applyFont="1" applyBorder="1"/>
    <xf numFmtId="179" fontId="4" fillId="0" borderId="46" xfId="1" applyNumberFormat="1" applyFont="1" applyBorder="1"/>
    <xf numFmtId="0" fontId="4" fillId="0" borderId="47" xfId="1" applyNumberFormat="1" applyFont="1" applyBorder="1"/>
    <xf numFmtId="38" fontId="4" fillId="0" borderId="22" xfId="1" applyFont="1" applyFill="1" applyBorder="1" applyProtection="1"/>
    <xf numFmtId="38" fontId="4" fillId="0" borderId="23" xfId="1" applyFont="1" applyFill="1" applyBorder="1" applyProtection="1"/>
    <xf numFmtId="3" fontId="4" fillId="0" borderId="27" xfId="1" applyNumberFormat="1" applyFont="1" applyBorder="1"/>
    <xf numFmtId="179" fontId="4" fillId="0" borderId="24" xfId="1" applyNumberFormat="1" applyFont="1" applyBorder="1"/>
    <xf numFmtId="38" fontId="4" fillId="0" borderId="24" xfId="1" applyFont="1" applyFill="1" applyBorder="1" applyProtection="1"/>
    <xf numFmtId="38" fontId="4" fillId="0" borderId="15" xfId="1" applyFont="1" applyFill="1" applyBorder="1" applyProtection="1"/>
    <xf numFmtId="38" fontId="4" fillId="0" borderId="14" xfId="1" applyFont="1" applyFill="1" applyBorder="1" applyProtection="1"/>
    <xf numFmtId="3" fontId="4" fillId="0" borderId="24" xfId="1" applyNumberFormat="1" applyFont="1" applyBorder="1"/>
    <xf numFmtId="38" fontId="4" fillId="0" borderId="27" xfId="1" applyFont="1" applyFill="1" applyBorder="1" applyProtection="1"/>
    <xf numFmtId="38" fontId="4" fillId="0" borderId="26" xfId="1" applyFont="1" applyFill="1" applyBorder="1" applyProtection="1"/>
    <xf numFmtId="38" fontId="4" fillId="0" borderId="18" xfId="1" applyFont="1" applyFill="1" applyBorder="1" applyProtection="1"/>
    <xf numFmtId="38" fontId="4" fillId="0" borderId="19" xfId="1" applyFont="1" applyFill="1" applyBorder="1" applyProtection="1"/>
    <xf numFmtId="38" fontId="4" fillId="2" borderId="27" xfId="1" applyFont="1" applyFill="1" applyBorder="1" applyProtection="1"/>
    <xf numFmtId="38" fontId="4" fillId="2" borderId="23" xfId="1" applyFont="1" applyFill="1" applyBorder="1" applyProtection="1"/>
    <xf numFmtId="37" fontId="2" fillId="0" borderId="23" xfId="4" applyFont="1" applyFill="1" applyBorder="1" applyAlignment="1" applyProtection="1">
      <alignment horizontal="right"/>
    </xf>
    <xf numFmtId="37" fontId="2" fillId="0" borderId="44" xfId="4" applyFont="1" applyFill="1" applyBorder="1" applyAlignment="1" applyProtection="1">
      <alignment horizontal="center" shrinkToFit="1"/>
    </xf>
    <xf numFmtId="0" fontId="2" fillId="0" borderId="0" xfId="0" applyFont="1" applyBorder="1" applyAlignment="1"/>
    <xf numFmtId="49" fontId="7" fillId="0" borderId="0" xfId="1" applyNumberFormat="1" applyFont="1" applyAlignment="1">
      <alignment horizontal="left"/>
    </xf>
    <xf numFmtId="38" fontId="2" fillId="0" borderId="0" xfId="1" applyFont="1" applyFill="1" applyBorder="1"/>
    <xf numFmtId="3" fontId="4" fillId="0" borderId="27" xfId="1" applyNumberFormat="1" applyFont="1" applyFill="1" applyBorder="1"/>
    <xf numFmtId="179" fontId="4" fillId="0" borderId="27" xfId="1" applyNumberFormat="1" applyFont="1" applyFill="1" applyBorder="1"/>
    <xf numFmtId="179" fontId="4" fillId="0" borderId="18" xfId="1" applyNumberFormat="1" applyFont="1" applyFill="1" applyBorder="1"/>
    <xf numFmtId="179" fontId="4" fillId="0" borderId="22" xfId="1" applyNumberFormat="1" applyFont="1" applyFill="1" applyBorder="1"/>
    <xf numFmtId="179" fontId="4" fillId="0" borderId="21" xfId="1" applyNumberFormat="1" applyFont="1" applyFill="1" applyBorder="1"/>
    <xf numFmtId="0" fontId="2" fillId="0" borderId="31" xfId="3" applyFont="1" applyBorder="1" applyAlignment="1">
      <alignment horizontal="center" vertical="center" wrapText="1"/>
    </xf>
    <xf numFmtId="0" fontId="2" fillId="0" borderId="32" xfId="3" applyFont="1" applyBorder="1" applyAlignment="1">
      <alignment horizontal="center" vertical="center" wrapText="1"/>
    </xf>
    <xf numFmtId="0" fontId="2" fillId="0" borderId="22" xfId="3" applyFont="1" applyBorder="1" applyAlignment="1">
      <alignment horizontal="center" vertical="center" wrapText="1"/>
    </xf>
    <xf numFmtId="38" fontId="2" fillId="0" borderId="10" xfId="1" applyFont="1" applyBorder="1" applyAlignment="1">
      <alignment horizontal="distributed" justifyLastLine="1"/>
    </xf>
    <xf numFmtId="38" fontId="2" fillId="0" borderId="9" xfId="1" applyFont="1" applyBorder="1" applyAlignment="1">
      <alignment horizontal="distributed" justifyLastLine="1"/>
    </xf>
    <xf numFmtId="38" fontId="2" fillId="0" borderId="5" xfId="1" applyFont="1" applyBorder="1" applyAlignment="1">
      <alignment horizontal="distributed" justifyLastLine="1"/>
    </xf>
    <xf numFmtId="38" fontId="2" fillId="0" borderId="4" xfId="1" applyFont="1" applyBorder="1" applyAlignment="1">
      <alignment horizontal="distributed" justifyLastLine="1"/>
    </xf>
    <xf numFmtId="38" fontId="4" fillId="0" borderId="41" xfId="1" applyFont="1" applyBorder="1" applyAlignment="1">
      <alignment horizontal="distributed" vertical="center" justifyLastLine="1"/>
    </xf>
    <xf numFmtId="0" fontId="4" fillId="0" borderId="40" xfId="0" applyFont="1" applyBorder="1" applyAlignment="1">
      <alignment horizontal="distributed" vertical="center" justifyLastLine="1"/>
    </xf>
    <xf numFmtId="38" fontId="4" fillId="0" borderId="20" xfId="1" applyFont="1" applyBorder="1" applyAlignment="1">
      <alignment horizontal="distributed" vertical="center" justifyLastLine="1"/>
    </xf>
    <xf numFmtId="0" fontId="4" fillId="0" borderId="34" xfId="0" applyFont="1" applyBorder="1" applyAlignment="1">
      <alignment horizontal="distributed" vertical="center" justifyLastLine="1"/>
    </xf>
    <xf numFmtId="0" fontId="4" fillId="0" borderId="29" xfId="0" applyFont="1" applyBorder="1" applyAlignment="1">
      <alignment horizontal="distributed" vertical="center" justifyLastLine="1"/>
    </xf>
    <xf numFmtId="0" fontId="4" fillId="0" borderId="23" xfId="0" applyFont="1" applyBorder="1" applyAlignment="1">
      <alignment horizontal="distributed" vertical="center" justifyLastLine="1"/>
    </xf>
    <xf numFmtId="37" fontId="4" fillId="0" borderId="39" xfId="4" applyFont="1" applyFill="1" applyBorder="1" applyAlignment="1" applyProtection="1">
      <alignment horizontal="center" vertical="center"/>
    </xf>
    <xf numFmtId="37" fontId="4" fillId="0" borderId="38" xfId="4" applyFont="1" applyFill="1" applyBorder="1" applyAlignment="1" applyProtection="1">
      <alignment horizontal="center" vertical="center"/>
    </xf>
    <xf numFmtId="37" fontId="4" fillId="0" borderId="37" xfId="4" applyFont="1" applyFill="1" applyBorder="1" applyAlignment="1" applyProtection="1">
      <alignment horizontal="center" vertical="center"/>
    </xf>
    <xf numFmtId="0" fontId="2" fillId="0" borderId="36" xfId="3" applyFont="1" applyBorder="1" applyAlignment="1">
      <alignment horizontal="center" vertical="center"/>
    </xf>
    <xf numFmtId="0" fontId="2" fillId="0" borderId="19" xfId="3" applyFont="1" applyBorder="1" applyAlignment="1">
      <alignment horizontal="center" vertical="center"/>
    </xf>
    <xf numFmtId="0" fontId="2" fillId="0" borderId="35" xfId="3" applyFont="1" applyBorder="1" applyAlignment="1">
      <alignment horizontal="center" vertical="center" wrapText="1"/>
    </xf>
    <xf numFmtId="0" fontId="2" fillId="0" borderId="30" xfId="3" applyFont="1" applyBorder="1" applyAlignment="1">
      <alignment horizontal="center" vertical="center" wrapText="1"/>
    </xf>
    <xf numFmtId="0" fontId="2" fillId="0" borderId="21" xfId="3" applyFont="1" applyBorder="1" applyAlignment="1">
      <alignment horizontal="center" vertical="center" wrapText="1"/>
    </xf>
    <xf numFmtId="0" fontId="2" fillId="0" borderId="26" xfId="3" applyFont="1" applyFill="1" applyBorder="1" applyAlignment="1">
      <alignment horizontal="center" vertical="center"/>
    </xf>
    <xf numFmtId="0" fontId="2" fillId="0" borderId="36" xfId="3" applyFont="1" applyFill="1" applyBorder="1" applyAlignment="1">
      <alignment horizontal="center" vertical="center"/>
    </xf>
    <xf numFmtId="0" fontId="2" fillId="0" borderId="19" xfId="3" applyFont="1" applyFill="1" applyBorder="1" applyAlignment="1">
      <alignment horizontal="center" vertical="center"/>
    </xf>
    <xf numFmtId="0" fontId="2" fillId="0" borderId="35" xfId="3" applyFont="1" applyFill="1" applyBorder="1" applyAlignment="1">
      <alignment horizontal="center" vertical="center" wrapText="1"/>
    </xf>
    <xf numFmtId="0" fontId="2" fillId="0" borderId="30" xfId="3" applyFont="1" applyFill="1" applyBorder="1" applyAlignment="1">
      <alignment horizontal="center" vertical="center" wrapText="1"/>
    </xf>
    <xf numFmtId="0" fontId="2" fillId="0" borderId="21" xfId="3" applyFont="1" applyFill="1" applyBorder="1" applyAlignment="1">
      <alignment horizontal="center" vertical="center" wrapText="1"/>
    </xf>
    <xf numFmtId="38" fontId="2" fillId="0" borderId="26" xfId="1" applyFont="1" applyFill="1" applyBorder="1" applyAlignment="1">
      <alignment horizontal="center" vertical="center"/>
    </xf>
    <xf numFmtId="0" fontId="10" fillId="0" borderId="49" xfId="0" applyFont="1" applyBorder="1" applyAlignment="1">
      <alignment horizontal="distributed" vertical="center" justifyLastLine="1"/>
    </xf>
    <xf numFmtId="0" fontId="10" fillId="0" borderId="0" xfId="0" applyFont="1" applyBorder="1" applyAlignment="1">
      <alignment horizontal="distributed" vertical="center" justifyLastLine="1"/>
    </xf>
    <xf numFmtId="0" fontId="10" fillId="0" borderId="29" xfId="0" applyFont="1" applyBorder="1" applyAlignment="1">
      <alignment horizontal="distributed" vertical="center" justifyLastLine="1"/>
    </xf>
    <xf numFmtId="0" fontId="10" fillId="0" borderId="48" xfId="0" applyFont="1" applyBorder="1" applyAlignment="1">
      <alignment horizontal="distributed" vertical="center" justifyLastLine="1"/>
    </xf>
    <xf numFmtId="37" fontId="7" fillId="0" borderId="39" xfId="4" applyFont="1" applyFill="1" applyBorder="1" applyAlignment="1" applyProtection="1">
      <alignment horizontal="center" vertical="center"/>
    </xf>
    <xf numFmtId="37" fontId="7" fillId="0" borderId="38" xfId="4" applyFont="1" applyFill="1" applyBorder="1" applyAlignment="1" applyProtection="1">
      <alignment horizontal="center" vertical="center"/>
    </xf>
    <xf numFmtId="37" fontId="7" fillId="0" borderId="37" xfId="4" applyFont="1" applyFill="1" applyBorder="1" applyAlignment="1" applyProtection="1">
      <alignment horizontal="center" vertical="center"/>
    </xf>
    <xf numFmtId="38" fontId="2" fillId="0" borderId="36" xfId="1" applyFont="1" applyFill="1" applyBorder="1" applyAlignment="1">
      <alignment horizontal="center" vertical="center"/>
    </xf>
    <xf numFmtId="0" fontId="2" fillId="0" borderId="31" xfId="3" applyFont="1" applyFill="1" applyBorder="1" applyAlignment="1">
      <alignment horizontal="center" vertical="center" wrapText="1"/>
    </xf>
    <xf numFmtId="0" fontId="2" fillId="0" borderId="32" xfId="3" applyFont="1" applyFill="1" applyBorder="1" applyAlignment="1">
      <alignment horizontal="center" vertical="center" wrapText="1"/>
    </xf>
    <xf numFmtId="0" fontId="2" fillId="0" borderId="22" xfId="3" applyFont="1" applyFill="1" applyBorder="1" applyAlignment="1">
      <alignment horizontal="center" vertical="center" wrapText="1"/>
    </xf>
    <xf numFmtId="0" fontId="2" fillId="0" borderId="18" xfId="3" applyFont="1" applyFill="1" applyBorder="1" applyAlignment="1">
      <alignment horizontal="center" vertical="center" wrapText="1"/>
    </xf>
    <xf numFmtId="179" fontId="4" fillId="0" borderId="26" xfId="1" applyNumberFormat="1" applyFont="1" applyFill="1" applyBorder="1"/>
    <xf numFmtId="179" fontId="4" fillId="0" borderId="24" xfId="1" applyNumberFormat="1" applyFont="1" applyFill="1" applyBorder="1"/>
    <xf numFmtId="179" fontId="4" fillId="0" borderId="32" xfId="1" applyNumberFormat="1" applyFont="1" applyFill="1" applyBorder="1"/>
    <xf numFmtId="0" fontId="4" fillId="0" borderId="47" xfId="1" applyNumberFormat="1" applyFont="1" applyFill="1" applyBorder="1"/>
    <xf numFmtId="179" fontId="4" fillId="0" borderId="47" xfId="1" applyNumberFormat="1" applyFont="1" applyFill="1" applyBorder="1"/>
    <xf numFmtId="38" fontId="4" fillId="0" borderId="18" xfId="1" applyFont="1" applyFill="1" applyBorder="1"/>
    <xf numFmtId="0" fontId="4" fillId="0" borderId="18" xfId="1" applyNumberFormat="1" applyFont="1" applyFill="1" applyBorder="1"/>
    <xf numFmtId="179" fontId="4" fillId="0" borderId="45" xfId="1" applyNumberFormat="1" applyFont="1" applyFill="1" applyBorder="1"/>
    <xf numFmtId="38" fontId="4" fillId="0" borderId="31" xfId="1" applyFont="1" applyFill="1" applyBorder="1"/>
    <xf numFmtId="0" fontId="4" fillId="0" borderId="14" xfId="1" applyNumberFormat="1" applyFont="1" applyFill="1" applyBorder="1"/>
    <xf numFmtId="179" fontId="4" fillId="0" borderId="43" xfId="1" applyNumberFormat="1" applyFont="1" applyFill="1" applyBorder="1"/>
    <xf numFmtId="38" fontId="4" fillId="0" borderId="12" xfId="1" applyFont="1" applyFill="1" applyBorder="1"/>
    <xf numFmtId="179" fontId="4" fillId="0" borderId="12" xfId="1" applyNumberFormat="1" applyFont="1" applyFill="1" applyBorder="1"/>
    <xf numFmtId="179" fontId="4" fillId="0" borderId="42" xfId="1" applyNumberFormat="1" applyFont="1" applyFill="1" applyBorder="1"/>
    <xf numFmtId="179" fontId="4" fillId="0" borderId="2" xfId="1" applyNumberFormat="1" applyFont="1" applyFill="1" applyBorder="1"/>
  </cellXfs>
  <cellStyles count="5">
    <cellStyle name="パーセント" xfId="2" builtinId="5"/>
    <cellStyle name="桁区切り" xfId="1" builtinId="6"/>
    <cellStyle name="標準" xfId="0" builtinId="0"/>
    <cellStyle name="標準_(訂正)特定健診20-21" xfId="3"/>
    <cellStyle name="標準_事04統13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0</xdr:colOff>
      <xdr:row>10</xdr:row>
      <xdr:rowOff>0</xdr:rowOff>
    </xdr:from>
    <xdr:ext cx="76200" cy="209550"/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1234440" y="167640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1</xdr:row>
      <xdr:rowOff>0</xdr:rowOff>
    </xdr:from>
    <xdr:ext cx="76200" cy="209550"/>
    <xdr:sp macro="" textlink="">
      <xdr:nvSpPr>
        <xdr:cNvPr id="3" name="Text Box 2"/>
        <xdr:cNvSpPr txBox="1">
          <a:spLocks noChangeArrowheads="1"/>
        </xdr:cNvSpPr>
      </xdr:nvSpPr>
      <xdr:spPr bwMode="auto">
        <a:xfrm>
          <a:off x="123444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1</xdr:row>
      <xdr:rowOff>0</xdr:rowOff>
    </xdr:from>
    <xdr:ext cx="76200" cy="209550"/>
    <xdr:sp macro="" textlink="">
      <xdr:nvSpPr>
        <xdr:cNvPr id="4" name="Text Box 1"/>
        <xdr:cNvSpPr txBox="1">
          <a:spLocks noChangeArrowheads="1"/>
        </xdr:cNvSpPr>
      </xdr:nvSpPr>
      <xdr:spPr bwMode="auto">
        <a:xfrm>
          <a:off x="123444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1</xdr:row>
      <xdr:rowOff>0</xdr:rowOff>
    </xdr:from>
    <xdr:ext cx="76200" cy="209550"/>
    <xdr:sp macro="" textlink="">
      <xdr:nvSpPr>
        <xdr:cNvPr id="5" name="Text Box 1"/>
        <xdr:cNvSpPr txBox="1">
          <a:spLocks noChangeArrowheads="1"/>
        </xdr:cNvSpPr>
      </xdr:nvSpPr>
      <xdr:spPr bwMode="auto">
        <a:xfrm>
          <a:off x="123444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7</xdr:col>
      <xdr:colOff>0</xdr:colOff>
      <xdr:row>11</xdr:row>
      <xdr:rowOff>0</xdr:rowOff>
    </xdr:from>
    <xdr:ext cx="76200" cy="209550"/>
    <xdr:sp macro="" textlink="">
      <xdr:nvSpPr>
        <xdr:cNvPr id="6" name="Text Box 1"/>
        <xdr:cNvSpPr txBox="1">
          <a:spLocks noChangeArrowheads="1"/>
        </xdr:cNvSpPr>
      </xdr:nvSpPr>
      <xdr:spPr bwMode="auto">
        <a:xfrm>
          <a:off x="432054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6</xdr:col>
      <xdr:colOff>0</xdr:colOff>
      <xdr:row>11</xdr:row>
      <xdr:rowOff>0</xdr:rowOff>
    </xdr:from>
    <xdr:ext cx="76200" cy="209550"/>
    <xdr:sp macro="" textlink="">
      <xdr:nvSpPr>
        <xdr:cNvPr id="7" name="Text Box 2"/>
        <xdr:cNvSpPr txBox="1">
          <a:spLocks noChangeArrowheads="1"/>
        </xdr:cNvSpPr>
      </xdr:nvSpPr>
      <xdr:spPr bwMode="auto">
        <a:xfrm>
          <a:off x="370332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6</xdr:col>
      <xdr:colOff>0</xdr:colOff>
      <xdr:row>11</xdr:row>
      <xdr:rowOff>0</xdr:rowOff>
    </xdr:from>
    <xdr:ext cx="76200" cy="209550"/>
    <xdr:sp macro="" textlink="">
      <xdr:nvSpPr>
        <xdr:cNvPr id="8" name="Text Box 1"/>
        <xdr:cNvSpPr txBox="1">
          <a:spLocks noChangeArrowheads="1"/>
        </xdr:cNvSpPr>
      </xdr:nvSpPr>
      <xdr:spPr bwMode="auto">
        <a:xfrm>
          <a:off x="370332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6</xdr:col>
      <xdr:colOff>0</xdr:colOff>
      <xdr:row>11</xdr:row>
      <xdr:rowOff>0</xdr:rowOff>
    </xdr:from>
    <xdr:ext cx="76200" cy="209550"/>
    <xdr:sp macro="" textlink="">
      <xdr:nvSpPr>
        <xdr:cNvPr id="9" name="Text Box 1"/>
        <xdr:cNvSpPr txBox="1">
          <a:spLocks noChangeArrowheads="1"/>
        </xdr:cNvSpPr>
      </xdr:nvSpPr>
      <xdr:spPr bwMode="auto">
        <a:xfrm>
          <a:off x="370332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6</xdr:col>
      <xdr:colOff>635000</xdr:colOff>
      <xdr:row>9</xdr:row>
      <xdr:rowOff>177800</xdr:rowOff>
    </xdr:from>
    <xdr:ext cx="76200" cy="209550"/>
    <xdr:sp macro="" textlink="">
      <xdr:nvSpPr>
        <xdr:cNvPr id="10" name="Text Box 1"/>
        <xdr:cNvSpPr txBox="1">
          <a:spLocks noChangeArrowheads="1"/>
        </xdr:cNvSpPr>
      </xdr:nvSpPr>
      <xdr:spPr bwMode="auto">
        <a:xfrm>
          <a:off x="4323080" y="16789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1</xdr:col>
      <xdr:colOff>0</xdr:colOff>
      <xdr:row>11</xdr:row>
      <xdr:rowOff>0</xdr:rowOff>
    </xdr:from>
    <xdr:ext cx="76200" cy="209550"/>
    <xdr:sp macro="" textlink="">
      <xdr:nvSpPr>
        <xdr:cNvPr id="11" name="Text Box 1"/>
        <xdr:cNvSpPr txBox="1">
          <a:spLocks noChangeArrowheads="1"/>
        </xdr:cNvSpPr>
      </xdr:nvSpPr>
      <xdr:spPr bwMode="auto">
        <a:xfrm>
          <a:off x="678942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0</xdr:col>
      <xdr:colOff>0</xdr:colOff>
      <xdr:row>11</xdr:row>
      <xdr:rowOff>0</xdr:rowOff>
    </xdr:from>
    <xdr:ext cx="76200" cy="209550"/>
    <xdr:sp macro="" textlink="">
      <xdr:nvSpPr>
        <xdr:cNvPr id="12" name="Text Box 2"/>
        <xdr:cNvSpPr txBox="1">
          <a:spLocks noChangeArrowheads="1"/>
        </xdr:cNvSpPr>
      </xdr:nvSpPr>
      <xdr:spPr bwMode="auto">
        <a:xfrm>
          <a:off x="617220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0</xdr:col>
      <xdr:colOff>0</xdr:colOff>
      <xdr:row>11</xdr:row>
      <xdr:rowOff>0</xdr:rowOff>
    </xdr:from>
    <xdr:ext cx="76200" cy="209550"/>
    <xdr:sp macro="" textlink="">
      <xdr:nvSpPr>
        <xdr:cNvPr id="13" name="Text Box 1"/>
        <xdr:cNvSpPr txBox="1">
          <a:spLocks noChangeArrowheads="1"/>
        </xdr:cNvSpPr>
      </xdr:nvSpPr>
      <xdr:spPr bwMode="auto">
        <a:xfrm>
          <a:off x="617220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0</xdr:col>
      <xdr:colOff>0</xdr:colOff>
      <xdr:row>11</xdr:row>
      <xdr:rowOff>0</xdr:rowOff>
    </xdr:from>
    <xdr:ext cx="76200" cy="209550"/>
    <xdr:sp macro="" textlink="">
      <xdr:nvSpPr>
        <xdr:cNvPr id="14" name="Text Box 1"/>
        <xdr:cNvSpPr txBox="1">
          <a:spLocks noChangeArrowheads="1"/>
        </xdr:cNvSpPr>
      </xdr:nvSpPr>
      <xdr:spPr bwMode="auto">
        <a:xfrm>
          <a:off x="617220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0</xdr:col>
      <xdr:colOff>635000</xdr:colOff>
      <xdr:row>9</xdr:row>
      <xdr:rowOff>177800</xdr:rowOff>
    </xdr:from>
    <xdr:ext cx="76200" cy="209550"/>
    <xdr:sp macro="" textlink="">
      <xdr:nvSpPr>
        <xdr:cNvPr id="15" name="Text Box 1"/>
        <xdr:cNvSpPr txBox="1">
          <a:spLocks noChangeArrowheads="1"/>
        </xdr:cNvSpPr>
      </xdr:nvSpPr>
      <xdr:spPr bwMode="auto">
        <a:xfrm>
          <a:off x="6791960" y="16789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oneCellAnchor>
    <xdr:from>
      <xdr:col>2</xdr:col>
      <xdr:colOff>0</xdr:colOff>
      <xdr:row>10</xdr:row>
      <xdr:rowOff>180975</xdr:rowOff>
    </xdr:from>
    <xdr:ext cx="76200" cy="207645"/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1234440" y="1842135"/>
          <a:ext cx="76200" cy="20764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2</xdr:col>
      <xdr:colOff>0</xdr:colOff>
      <xdr:row>11</xdr:row>
      <xdr:rowOff>0</xdr:rowOff>
    </xdr:from>
    <xdr:ext cx="76200" cy="209550"/>
    <xdr:sp macro="" textlink="">
      <xdr:nvSpPr>
        <xdr:cNvPr id="3" name="Text Box 2"/>
        <xdr:cNvSpPr txBox="1">
          <a:spLocks noChangeArrowheads="1"/>
        </xdr:cNvSpPr>
      </xdr:nvSpPr>
      <xdr:spPr bwMode="auto">
        <a:xfrm>
          <a:off x="1234440" y="184404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7</xdr:col>
      <xdr:colOff>0</xdr:colOff>
      <xdr:row>11</xdr:row>
      <xdr:rowOff>180975</xdr:rowOff>
    </xdr:from>
    <xdr:ext cx="76200" cy="213995"/>
    <xdr:sp macro="" textlink="">
      <xdr:nvSpPr>
        <xdr:cNvPr id="4" name="Text Box 1"/>
        <xdr:cNvSpPr txBox="1">
          <a:spLocks noChangeArrowheads="1"/>
        </xdr:cNvSpPr>
      </xdr:nvSpPr>
      <xdr:spPr bwMode="auto">
        <a:xfrm>
          <a:off x="7179945" y="2009775"/>
          <a:ext cx="76200" cy="21399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7</xdr:col>
      <xdr:colOff>0</xdr:colOff>
      <xdr:row>10</xdr:row>
      <xdr:rowOff>180975</xdr:rowOff>
    </xdr:from>
    <xdr:ext cx="76200" cy="209550"/>
    <xdr:sp macro="" textlink="">
      <xdr:nvSpPr>
        <xdr:cNvPr id="5" name="Text Box 1"/>
        <xdr:cNvSpPr txBox="1">
          <a:spLocks noChangeArrowheads="1"/>
        </xdr:cNvSpPr>
      </xdr:nvSpPr>
      <xdr:spPr bwMode="auto">
        <a:xfrm>
          <a:off x="7179945" y="184213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1</xdr:col>
      <xdr:colOff>0</xdr:colOff>
      <xdr:row>11</xdr:row>
      <xdr:rowOff>180975</xdr:rowOff>
    </xdr:from>
    <xdr:ext cx="76200" cy="212725"/>
    <xdr:sp macro="" textlink="">
      <xdr:nvSpPr>
        <xdr:cNvPr id="6" name="Text Box 1"/>
        <xdr:cNvSpPr txBox="1">
          <a:spLocks noChangeArrowheads="1"/>
        </xdr:cNvSpPr>
      </xdr:nvSpPr>
      <xdr:spPr bwMode="auto">
        <a:xfrm>
          <a:off x="11500485" y="2009775"/>
          <a:ext cx="76200" cy="21272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  <xdr:oneCellAnchor>
    <xdr:from>
      <xdr:col>11</xdr:col>
      <xdr:colOff>0</xdr:colOff>
      <xdr:row>10</xdr:row>
      <xdr:rowOff>180975</xdr:rowOff>
    </xdr:from>
    <xdr:ext cx="76200" cy="209550"/>
    <xdr:sp macro="" textlink="">
      <xdr:nvSpPr>
        <xdr:cNvPr id="7" name="Text Box 1"/>
        <xdr:cNvSpPr txBox="1">
          <a:spLocks noChangeArrowheads="1"/>
        </xdr:cNvSpPr>
      </xdr:nvSpPr>
      <xdr:spPr bwMode="auto">
        <a:xfrm>
          <a:off x="11500485" y="184213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9"/>
  <sheetViews>
    <sheetView tabSelected="1" zoomScaleNormal="100" zoomScaleSheetLayoutView="100" workbookViewId="0"/>
  </sheetViews>
  <sheetFormatPr defaultColWidth="9" defaultRowHeight="10.8" x14ac:dyDescent="0.15"/>
  <cols>
    <col min="1" max="1" width="3.44140625" style="1" customWidth="1"/>
    <col min="2" max="2" width="8.44140625" style="1" customWidth="1"/>
    <col min="3" max="4" width="9.33203125" style="1" customWidth="1"/>
    <col min="5" max="6" width="7.44140625" style="1" customWidth="1"/>
    <col min="7" max="8" width="9.33203125" style="1" customWidth="1"/>
    <col min="9" max="9" width="7.44140625" style="2" customWidth="1"/>
    <col min="10" max="10" width="7.44140625" style="1" customWidth="1"/>
    <col min="11" max="12" width="9.33203125" style="1" customWidth="1"/>
    <col min="13" max="13" width="7.44140625" style="2" customWidth="1"/>
    <col min="14" max="14" width="7.44140625" style="1" customWidth="1"/>
    <col min="15" max="15" width="1.33203125" style="1" customWidth="1"/>
    <col min="16" max="16384" width="9" style="1"/>
  </cols>
  <sheetData>
    <row r="1" spans="1:16" ht="16.5" customHeight="1" x14ac:dyDescent="0.2">
      <c r="A1" s="76" t="s">
        <v>57</v>
      </c>
      <c r="I1" s="1"/>
      <c r="M1" s="1"/>
      <c r="P1" s="75"/>
    </row>
    <row r="2" spans="1:16" ht="16.5" customHeight="1" thickBot="1" x14ac:dyDescent="0.2">
      <c r="I2" s="1"/>
      <c r="M2" s="1"/>
      <c r="P2" s="75"/>
    </row>
    <row r="3" spans="1:16" ht="15" customHeight="1" x14ac:dyDescent="0.15">
      <c r="A3" s="132" t="s">
        <v>56</v>
      </c>
      <c r="B3" s="133"/>
      <c r="C3" s="138" t="s">
        <v>55</v>
      </c>
      <c r="D3" s="139"/>
      <c r="E3" s="139"/>
      <c r="F3" s="139"/>
      <c r="G3" s="139"/>
      <c r="H3" s="139"/>
      <c r="I3" s="139"/>
      <c r="J3" s="139"/>
      <c r="K3" s="139"/>
      <c r="L3" s="139"/>
      <c r="M3" s="139"/>
      <c r="N3" s="140"/>
      <c r="O3" s="42"/>
    </row>
    <row r="4" spans="1:16" ht="15" customHeight="1" x14ac:dyDescent="0.15">
      <c r="A4" s="134"/>
      <c r="B4" s="135"/>
      <c r="C4" s="146" t="s">
        <v>54</v>
      </c>
      <c r="D4" s="147"/>
      <c r="E4" s="148"/>
      <c r="F4" s="125" t="s">
        <v>53</v>
      </c>
      <c r="G4" s="141" t="s">
        <v>52</v>
      </c>
      <c r="H4" s="141"/>
      <c r="I4" s="142"/>
      <c r="J4" s="125" t="s">
        <v>51</v>
      </c>
      <c r="K4" s="141" t="s">
        <v>50</v>
      </c>
      <c r="L4" s="141"/>
      <c r="M4" s="142"/>
      <c r="N4" s="143" t="s">
        <v>49</v>
      </c>
      <c r="O4" s="42"/>
    </row>
    <row r="5" spans="1:16" ht="15" customHeight="1" x14ac:dyDescent="0.15">
      <c r="A5" s="134"/>
      <c r="B5" s="135"/>
      <c r="C5" s="74" t="s">
        <v>48</v>
      </c>
      <c r="D5" s="72" t="s">
        <v>47</v>
      </c>
      <c r="E5" s="71" t="s">
        <v>46</v>
      </c>
      <c r="F5" s="126"/>
      <c r="G5" s="73" t="s">
        <v>48</v>
      </c>
      <c r="H5" s="72" t="s">
        <v>47</v>
      </c>
      <c r="I5" s="71" t="s">
        <v>46</v>
      </c>
      <c r="J5" s="126"/>
      <c r="K5" s="73" t="s">
        <v>48</v>
      </c>
      <c r="L5" s="72" t="s">
        <v>47</v>
      </c>
      <c r="M5" s="71" t="s">
        <v>46</v>
      </c>
      <c r="N5" s="144"/>
      <c r="O5" s="42"/>
    </row>
    <row r="6" spans="1:16" ht="15" customHeight="1" x14ac:dyDescent="0.15">
      <c r="A6" s="136"/>
      <c r="B6" s="137"/>
      <c r="C6" s="69" t="s">
        <v>43</v>
      </c>
      <c r="D6" s="69" t="s">
        <v>43</v>
      </c>
      <c r="E6" s="68" t="s">
        <v>45</v>
      </c>
      <c r="F6" s="127"/>
      <c r="G6" s="69" t="s">
        <v>43</v>
      </c>
      <c r="H6" s="69" t="s">
        <v>43</v>
      </c>
      <c r="I6" s="68" t="s">
        <v>44</v>
      </c>
      <c r="J6" s="127"/>
      <c r="K6" s="70" t="s">
        <v>43</v>
      </c>
      <c r="L6" s="69" t="s">
        <v>43</v>
      </c>
      <c r="M6" s="68" t="s">
        <v>42</v>
      </c>
      <c r="N6" s="145"/>
      <c r="O6" s="42"/>
    </row>
    <row r="7" spans="1:16" ht="18.899999999999999" customHeight="1" x14ac:dyDescent="0.15">
      <c r="A7" s="42">
        <v>1</v>
      </c>
      <c r="B7" s="50" t="s">
        <v>41</v>
      </c>
      <c r="C7" s="67">
        <v>495126</v>
      </c>
      <c r="D7" s="67">
        <v>120364</v>
      </c>
      <c r="E7" s="66">
        <v>24.3</v>
      </c>
      <c r="F7" s="48">
        <v>2.4</v>
      </c>
      <c r="G7" s="46">
        <v>477325</v>
      </c>
      <c r="H7" s="45">
        <v>121469</v>
      </c>
      <c r="I7" s="54">
        <v>25.4</v>
      </c>
      <c r="J7" s="47">
        <v>1.1399999999999999</v>
      </c>
      <c r="K7" s="46">
        <v>472831</v>
      </c>
      <c r="L7" s="45">
        <v>102928</v>
      </c>
      <c r="M7" s="54">
        <v>21.8</v>
      </c>
      <c r="N7" s="43">
        <v>-3.6</v>
      </c>
      <c r="O7" s="42"/>
    </row>
    <row r="8" spans="1:16" ht="18.899999999999999" customHeight="1" x14ac:dyDescent="0.15">
      <c r="A8" s="42">
        <v>2</v>
      </c>
      <c r="B8" s="41" t="s">
        <v>40</v>
      </c>
      <c r="C8" s="60">
        <v>173558</v>
      </c>
      <c r="D8" s="60">
        <v>45752</v>
      </c>
      <c r="E8" s="59">
        <v>26.4</v>
      </c>
      <c r="F8" s="39">
        <v>-0.2</v>
      </c>
      <c r="G8" s="37">
        <v>167091</v>
      </c>
      <c r="H8" s="36">
        <v>43298</v>
      </c>
      <c r="I8" s="53">
        <v>25.91</v>
      </c>
      <c r="J8" s="38">
        <v>-0.5</v>
      </c>
      <c r="K8" s="37">
        <v>165778</v>
      </c>
      <c r="L8" s="36">
        <v>42763</v>
      </c>
      <c r="M8" s="53">
        <v>25.8</v>
      </c>
      <c r="N8" s="34">
        <v>-0.1</v>
      </c>
      <c r="O8" s="42"/>
    </row>
    <row r="9" spans="1:16" ht="18.899999999999999" customHeight="1" x14ac:dyDescent="0.15">
      <c r="A9" s="42">
        <v>3</v>
      </c>
      <c r="B9" s="41" t="s">
        <v>39</v>
      </c>
      <c r="C9" s="60">
        <v>67902</v>
      </c>
      <c r="D9" s="60">
        <v>21219</v>
      </c>
      <c r="E9" s="59">
        <v>31.2</v>
      </c>
      <c r="F9" s="59">
        <v>0.7</v>
      </c>
      <c r="G9" s="64">
        <v>64780</v>
      </c>
      <c r="H9" s="63">
        <v>20391</v>
      </c>
      <c r="I9" s="62">
        <v>31.480000000000004</v>
      </c>
      <c r="J9" s="65">
        <v>0.3</v>
      </c>
      <c r="K9" s="64">
        <v>63566</v>
      </c>
      <c r="L9" s="63">
        <v>15534</v>
      </c>
      <c r="M9" s="62">
        <v>24.44</v>
      </c>
      <c r="N9" s="61">
        <v>-7.1</v>
      </c>
      <c r="O9" s="42"/>
    </row>
    <row r="10" spans="1:16" ht="18.899999999999999" customHeight="1" x14ac:dyDescent="0.15">
      <c r="A10" s="42">
        <v>4</v>
      </c>
      <c r="B10" s="41" t="s">
        <v>38</v>
      </c>
      <c r="C10" s="60">
        <v>41294</v>
      </c>
      <c r="D10" s="60">
        <v>14184</v>
      </c>
      <c r="E10" s="59">
        <v>34.299999999999997</v>
      </c>
      <c r="F10" s="59">
        <v>1.2</v>
      </c>
      <c r="G10" s="64">
        <v>39788</v>
      </c>
      <c r="H10" s="63">
        <v>13218</v>
      </c>
      <c r="I10" s="62">
        <v>33.22</v>
      </c>
      <c r="J10" s="65">
        <v>-1.1300000000000026</v>
      </c>
      <c r="K10" s="64">
        <v>39287</v>
      </c>
      <c r="L10" s="63">
        <v>12810</v>
      </c>
      <c r="M10" s="62">
        <v>32.61</v>
      </c>
      <c r="N10" s="61">
        <v>-0.6</v>
      </c>
      <c r="O10" s="42"/>
    </row>
    <row r="11" spans="1:16" ht="18.899999999999999" customHeight="1" x14ac:dyDescent="0.15">
      <c r="A11" s="42">
        <v>5</v>
      </c>
      <c r="B11" s="41" t="s">
        <v>37</v>
      </c>
      <c r="C11" s="60">
        <v>28053</v>
      </c>
      <c r="D11" s="60">
        <v>9462</v>
      </c>
      <c r="E11" s="59">
        <v>33.700000000000003</v>
      </c>
      <c r="F11" s="59">
        <v>0.6</v>
      </c>
      <c r="G11" s="64">
        <v>26801</v>
      </c>
      <c r="H11" s="63">
        <v>8955</v>
      </c>
      <c r="I11" s="62">
        <v>33.410000000000004</v>
      </c>
      <c r="J11" s="65">
        <v>-0.31999999999999318</v>
      </c>
      <c r="K11" s="64">
        <v>26441</v>
      </c>
      <c r="L11" s="63">
        <v>7611</v>
      </c>
      <c r="M11" s="62">
        <v>28.78</v>
      </c>
      <c r="N11" s="61">
        <v>-4.5999999999999996</v>
      </c>
      <c r="O11" s="42"/>
    </row>
    <row r="12" spans="1:16" ht="18.899999999999999" customHeight="1" x14ac:dyDescent="0.15">
      <c r="A12" s="42">
        <v>6</v>
      </c>
      <c r="B12" s="41" t="s">
        <v>36</v>
      </c>
      <c r="C12" s="60">
        <v>59962</v>
      </c>
      <c r="D12" s="60">
        <v>23797</v>
      </c>
      <c r="E12" s="59">
        <v>39.700000000000003</v>
      </c>
      <c r="F12" s="59">
        <v>-1.1000000000000001</v>
      </c>
      <c r="G12" s="64">
        <v>57831</v>
      </c>
      <c r="H12" s="63">
        <v>22999</v>
      </c>
      <c r="I12" s="62">
        <v>39.770000000000003</v>
      </c>
      <c r="J12" s="65">
        <v>8.00000000000054E-2</v>
      </c>
      <c r="K12" s="64">
        <v>57387</v>
      </c>
      <c r="L12" s="63">
        <v>20979</v>
      </c>
      <c r="M12" s="62">
        <v>36.56</v>
      </c>
      <c r="N12" s="61">
        <v>-3.2</v>
      </c>
      <c r="O12" s="42"/>
    </row>
    <row r="13" spans="1:16" ht="18.899999999999999" customHeight="1" x14ac:dyDescent="0.15">
      <c r="A13" s="42">
        <v>7</v>
      </c>
      <c r="B13" s="41" t="s">
        <v>35</v>
      </c>
      <c r="C13" s="60">
        <v>30505</v>
      </c>
      <c r="D13" s="60">
        <v>8141</v>
      </c>
      <c r="E13" s="59">
        <v>26.7</v>
      </c>
      <c r="F13" s="59">
        <v>-0.5</v>
      </c>
      <c r="G13" s="64">
        <v>29373</v>
      </c>
      <c r="H13" s="63">
        <v>8240</v>
      </c>
      <c r="I13" s="62">
        <v>28.050000000000004</v>
      </c>
      <c r="J13" s="65">
        <v>1.360000000000003</v>
      </c>
      <c r="K13" s="64">
        <v>28988</v>
      </c>
      <c r="L13" s="63">
        <v>8055</v>
      </c>
      <c r="M13" s="62">
        <v>27.79</v>
      </c>
      <c r="N13" s="61">
        <v>-0.3</v>
      </c>
      <c r="O13" s="42"/>
    </row>
    <row r="14" spans="1:16" ht="18.899999999999999" customHeight="1" x14ac:dyDescent="0.15">
      <c r="A14" s="42">
        <v>8</v>
      </c>
      <c r="B14" s="41" t="s">
        <v>34</v>
      </c>
      <c r="C14" s="60">
        <v>36258</v>
      </c>
      <c r="D14" s="60">
        <v>13132</v>
      </c>
      <c r="E14" s="59">
        <v>36.200000000000003</v>
      </c>
      <c r="F14" s="59">
        <v>-0.6</v>
      </c>
      <c r="G14" s="64">
        <v>34926</v>
      </c>
      <c r="H14" s="63">
        <v>12918</v>
      </c>
      <c r="I14" s="62">
        <v>36.99</v>
      </c>
      <c r="J14" s="65">
        <v>0.77000000000000313</v>
      </c>
      <c r="K14" s="64">
        <v>34628</v>
      </c>
      <c r="L14" s="63">
        <v>11316</v>
      </c>
      <c r="M14" s="62">
        <v>32.68</v>
      </c>
      <c r="N14" s="61">
        <v>-4.3</v>
      </c>
      <c r="O14" s="42"/>
    </row>
    <row r="15" spans="1:16" ht="18.899999999999999" customHeight="1" x14ac:dyDescent="0.15">
      <c r="A15" s="42">
        <v>9</v>
      </c>
      <c r="B15" s="41" t="s">
        <v>33</v>
      </c>
      <c r="C15" s="60">
        <v>9635</v>
      </c>
      <c r="D15" s="60">
        <v>3017</v>
      </c>
      <c r="E15" s="59">
        <v>31.3</v>
      </c>
      <c r="F15" s="59">
        <v>0.3</v>
      </c>
      <c r="G15" s="64">
        <v>9132</v>
      </c>
      <c r="H15" s="63">
        <v>2931</v>
      </c>
      <c r="I15" s="62">
        <v>32.1</v>
      </c>
      <c r="J15" s="65">
        <v>0.7900000000000027</v>
      </c>
      <c r="K15" s="64">
        <v>9053</v>
      </c>
      <c r="L15" s="63">
        <v>2362</v>
      </c>
      <c r="M15" s="62">
        <v>26.09</v>
      </c>
      <c r="N15" s="61">
        <v>-6</v>
      </c>
      <c r="O15" s="42"/>
    </row>
    <row r="16" spans="1:16" ht="18.899999999999999" customHeight="1" x14ac:dyDescent="0.15">
      <c r="A16" s="42">
        <v>10</v>
      </c>
      <c r="B16" s="41" t="s">
        <v>32</v>
      </c>
      <c r="C16" s="60">
        <v>110884</v>
      </c>
      <c r="D16" s="60">
        <v>29473</v>
      </c>
      <c r="E16" s="59">
        <v>26.6</v>
      </c>
      <c r="F16" s="59">
        <v>9.9999999999988987E-5</v>
      </c>
      <c r="G16" s="64">
        <v>105093</v>
      </c>
      <c r="H16" s="63">
        <v>28036</v>
      </c>
      <c r="I16" s="62">
        <v>26.68</v>
      </c>
      <c r="J16" s="65">
        <v>0.10000000000000142</v>
      </c>
      <c r="K16" s="64">
        <v>104310</v>
      </c>
      <c r="L16" s="63">
        <v>22730</v>
      </c>
      <c r="M16" s="62">
        <v>21.79</v>
      </c>
      <c r="N16" s="61">
        <v>-4.9000000000000004</v>
      </c>
      <c r="O16" s="42"/>
    </row>
    <row r="17" spans="1:15" ht="18.899999999999999" customHeight="1" x14ac:dyDescent="0.15">
      <c r="A17" s="42">
        <v>11</v>
      </c>
      <c r="B17" s="41" t="s">
        <v>31</v>
      </c>
      <c r="C17" s="60">
        <v>9751</v>
      </c>
      <c r="D17" s="60">
        <v>2309</v>
      </c>
      <c r="E17" s="59">
        <v>23.7</v>
      </c>
      <c r="F17" s="59">
        <v>1.5</v>
      </c>
      <c r="G17" s="37">
        <v>9265</v>
      </c>
      <c r="H17" s="36">
        <v>2310</v>
      </c>
      <c r="I17" s="53">
        <v>24.93</v>
      </c>
      <c r="J17" s="38">
        <v>1.2</v>
      </c>
      <c r="K17" s="37">
        <v>9093</v>
      </c>
      <c r="L17" s="36">
        <v>2249</v>
      </c>
      <c r="M17" s="53">
        <v>24.73</v>
      </c>
      <c r="N17" s="34">
        <v>-0.2</v>
      </c>
      <c r="O17" s="42"/>
    </row>
    <row r="18" spans="1:15" ht="18.899999999999999" customHeight="1" x14ac:dyDescent="0.15">
      <c r="A18" s="42">
        <v>12</v>
      </c>
      <c r="B18" s="41" t="s">
        <v>30</v>
      </c>
      <c r="C18" s="60">
        <v>27795</v>
      </c>
      <c r="D18" s="60">
        <v>9514</v>
      </c>
      <c r="E18" s="59">
        <v>34.200000000000003</v>
      </c>
      <c r="F18" s="59">
        <v>0.6</v>
      </c>
      <c r="G18" s="37">
        <v>26975</v>
      </c>
      <c r="H18" s="36">
        <v>9061</v>
      </c>
      <c r="I18" s="53">
        <v>33.589999999999996</v>
      </c>
      <c r="J18" s="38">
        <v>-0.64000000000000057</v>
      </c>
      <c r="K18" s="37">
        <v>26585</v>
      </c>
      <c r="L18" s="36">
        <v>8128</v>
      </c>
      <c r="M18" s="53">
        <v>30.57</v>
      </c>
      <c r="N18" s="34">
        <v>-3</v>
      </c>
      <c r="O18" s="42"/>
    </row>
    <row r="19" spans="1:15" ht="18.899999999999999" customHeight="1" x14ac:dyDescent="0.15">
      <c r="A19" s="42">
        <v>13</v>
      </c>
      <c r="B19" s="41" t="s">
        <v>29</v>
      </c>
      <c r="C19" s="60">
        <v>35168</v>
      </c>
      <c r="D19" s="60">
        <v>11657</v>
      </c>
      <c r="E19" s="59">
        <v>33.1</v>
      </c>
      <c r="F19" s="59">
        <v>-0.1</v>
      </c>
      <c r="G19" s="37">
        <v>33331</v>
      </c>
      <c r="H19" s="36">
        <v>12102</v>
      </c>
      <c r="I19" s="53">
        <v>36.309999999999995</v>
      </c>
      <c r="J19" s="38">
        <v>3.1599999999999966</v>
      </c>
      <c r="K19" s="37">
        <v>32765</v>
      </c>
      <c r="L19" s="36">
        <v>10015</v>
      </c>
      <c r="M19" s="53">
        <v>30.57</v>
      </c>
      <c r="N19" s="34">
        <v>-5.7</v>
      </c>
      <c r="O19" s="42"/>
    </row>
    <row r="20" spans="1:15" ht="18.899999999999999" customHeight="1" x14ac:dyDescent="0.15">
      <c r="A20" s="42">
        <v>14</v>
      </c>
      <c r="B20" s="41" t="s">
        <v>28</v>
      </c>
      <c r="C20" s="60">
        <v>34178</v>
      </c>
      <c r="D20" s="60">
        <v>11423</v>
      </c>
      <c r="E20" s="59">
        <v>33.4</v>
      </c>
      <c r="F20" s="59">
        <v>-0.7</v>
      </c>
      <c r="G20" s="37">
        <v>32815</v>
      </c>
      <c r="H20" s="36">
        <v>10808</v>
      </c>
      <c r="I20" s="53">
        <v>32.940000000000005</v>
      </c>
      <c r="J20" s="38">
        <v>-0.47999999999999687</v>
      </c>
      <c r="K20" s="37">
        <v>32653</v>
      </c>
      <c r="L20" s="36">
        <v>10155</v>
      </c>
      <c r="M20" s="53">
        <v>31.1</v>
      </c>
      <c r="N20" s="34">
        <v>-1.8</v>
      </c>
      <c r="O20" s="42"/>
    </row>
    <row r="21" spans="1:15" ht="18" customHeight="1" x14ac:dyDescent="0.15">
      <c r="A21" s="42">
        <v>15</v>
      </c>
      <c r="B21" s="41" t="s">
        <v>27</v>
      </c>
      <c r="C21" s="60">
        <v>15149</v>
      </c>
      <c r="D21" s="60">
        <v>5371</v>
      </c>
      <c r="E21" s="59">
        <v>35.5</v>
      </c>
      <c r="F21" s="59">
        <v>-0.6</v>
      </c>
      <c r="G21" s="37">
        <v>14414</v>
      </c>
      <c r="H21" s="36">
        <v>5139</v>
      </c>
      <c r="I21" s="53">
        <v>35.65</v>
      </c>
      <c r="J21" s="38">
        <v>0.20000000000000284</v>
      </c>
      <c r="K21" s="37">
        <v>14047</v>
      </c>
      <c r="L21" s="36">
        <v>4860</v>
      </c>
      <c r="M21" s="53">
        <v>34.6</v>
      </c>
      <c r="N21" s="34">
        <v>-1.1000000000000001</v>
      </c>
      <c r="O21" s="42"/>
    </row>
    <row r="22" spans="1:15" ht="18.899999999999999" customHeight="1" x14ac:dyDescent="0.15">
      <c r="A22" s="42">
        <v>16</v>
      </c>
      <c r="B22" s="41" t="s">
        <v>26</v>
      </c>
      <c r="C22" s="60">
        <v>19672</v>
      </c>
      <c r="D22" s="60">
        <v>6556</v>
      </c>
      <c r="E22" s="59">
        <v>33.299999999999997</v>
      </c>
      <c r="F22" s="59">
        <v>2.9</v>
      </c>
      <c r="G22" s="37">
        <v>18947</v>
      </c>
      <c r="H22" s="36">
        <v>5816</v>
      </c>
      <c r="I22" s="53">
        <v>30.7</v>
      </c>
      <c r="J22" s="38">
        <v>-2.629999999999999</v>
      </c>
      <c r="K22" s="37">
        <v>18715</v>
      </c>
      <c r="L22" s="36">
        <v>5520</v>
      </c>
      <c r="M22" s="53">
        <v>29.5</v>
      </c>
      <c r="N22" s="34">
        <v>-1.2</v>
      </c>
      <c r="O22" s="42"/>
    </row>
    <row r="23" spans="1:15" ht="18.899999999999999" customHeight="1" x14ac:dyDescent="0.15">
      <c r="A23" s="42">
        <v>17</v>
      </c>
      <c r="B23" s="41" t="s">
        <v>25</v>
      </c>
      <c r="C23" s="60">
        <v>20023</v>
      </c>
      <c r="D23" s="60">
        <v>6115</v>
      </c>
      <c r="E23" s="59">
        <v>30.5</v>
      </c>
      <c r="F23" s="59">
        <v>1</v>
      </c>
      <c r="G23" s="37">
        <v>19024</v>
      </c>
      <c r="H23" s="36">
        <v>5603</v>
      </c>
      <c r="I23" s="53">
        <v>29.45</v>
      </c>
      <c r="J23" s="38">
        <v>-1</v>
      </c>
      <c r="K23" s="37">
        <v>18869</v>
      </c>
      <c r="L23" s="36">
        <v>5427</v>
      </c>
      <c r="M23" s="53">
        <v>28.76</v>
      </c>
      <c r="N23" s="34">
        <v>-0.7</v>
      </c>
      <c r="O23" s="42"/>
    </row>
    <row r="24" spans="1:15" ht="18.899999999999999" customHeight="1" x14ac:dyDescent="0.15">
      <c r="A24" s="42">
        <v>18</v>
      </c>
      <c r="B24" s="41" t="s">
        <v>24</v>
      </c>
      <c r="C24" s="58">
        <v>6583</v>
      </c>
      <c r="D24" s="58">
        <v>1956</v>
      </c>
      <c r="E24" s="57">
        <v>29.7</v>
      </c>
      <c r="F24" s="57">
        <v>-1.1000000000000001</v>
      </c>
      <c r="G24" s="36">
        <v>6335</v>
      </c>
      <c r="H24" s="36">
        <v>1968</v>
      </c>
      <c r="I24" s="53">
        <v>31.069999999999997</v>
      </c>
      <c r="J24" s="38">
        <v>1.3599999999999994</v>
      </c>
      <c r="K24" s="37">
        <v>6311</v>
      </c>
      <c r="L24" s="36">
        <v>1970</v>
      </c>
      <c r="M24" s="53">
        <v>31.22</v>
      </c>
      <c r="N24" s="34">
        <v>0.1</v>
      </c>
      <c r="O24" s="42"/>
    </row>
    <row r="25" spans="1:15" ht="18.899999999999999" customHeight="1" x14ac:dyDescent="0.15">
      <c r="A25" s="42">
        <v>19</v>
      </c>
      <c r="B25" s="41" t="s">
        <v>23</v>
      </c>
      <c r="C25" s="49">
        <v>5765</v>
      </c>
      <c r="D25" s="49">
        <v>1615</v>
      </c>
      <c r="E25" s="48">
        <v>28</v>
      </c>
      <c r="F25" s="48">
        <v>0.3</v>
      </c>
      <c r="G25" s="46">
        <v>5452</v>
      </c>
      <c r="H25" s="45">
        <v>1549</v>
      </c>
      <c r="I25" s="54">
        <v>28.410000000000004</v>
      </c>
      <c r="J25" s="47">
        <v>0.40000000000000213</v>
      </c>
      <c r="K25" s="46">
        <v>5437</v>
      </c>
      <c r="L25" s="45">
        <v>1199</v>
      </c>
      <c r="M25" s="54">
        <v>22.05</v>
      </c>
      <c r="N25" s="43">
        <v>-6.3</v>
      </c>
      <c r="O25" s="42"/>
    </row>
    <row r="26" spans="1:15" ht="18.899999999999999" customHeight="1" x14ac:dyDescent="0.15">
      <c r="A26" s="42">
        <v>20</v>
      </c>
      <c r="B26" s="41" t="s">
        <v>22</v>
      </c>
      <c r="C26" s="40">
        <v>7608</v>
      </c>
      <c r="D26" s="40">
        <v>2552</v>
      </c>
      <c r="E26" s="39">
        <v>33.5</v>
      </c>
      <c r="F26" s="39">
        <v>-1.7</v>
      </c>
      <c r="G26" s="37">
        <v>7359</v>
      </c>
      <c r="H26" s="36">
        <v>2504</v>
      </c>
      <c r="I26" s="53">
        <v>34.03</v>
      </c>
      <c r="J26" s="38">
        <v>0.49000000000000199</v>
      </c>
      <c r="K26" s="37">
        <v>7342</v>
      </c>
      <c r="L26" s="36">
        <v>2803</v>
      </c>
      <c r="M26" s="53">
        <v>38.18</v>
      </c>
      <c r="N26" s="34">
        <v>4.2</v>
      </c>
      <c r="O26" s="42"/>
    </row>
    <row r="27" spans="1:15" ht="18.899999999999999" customHeight="1" x14ac:dyDescent="0.15">
      <c r="A27" s="56">
        <v>21</v>
      </c>
      <c r="B27" s="41" t="s">
        <v>21</v>
      </c>
      <c r="C27" s="40">
        <v>13678</v>
      </c>
      <c r="D27" s="40">
        <v>4879</v>
      </c>
      <c r="E27" s="39">
        <v>35.700000000000003</v>
      </c>
      <c r="F27" s="39">
        <v>-0.4</v>
      </c>
      <c r="G27" s="37">
        <v>12890</v>
      </c>
      <c r="H27" s="36">
        <v>4201</v>
      </c>
      <c r="I27" s="55">
        <v>32.590000000000003</v>
      </c>
      <c r="J27" s="38">
        <v>-3.0799999999999983</v>
      </c>
      <c r="K27" s="37">
        <v>12745</v>
      </c>
      <c r="L27" s="36">
        <v>4113</v>
      </c>
      <c r="M27" s="35">
        <v>32.270000000000003</v>
      </c>
      <c r="N27" s="34">
        <v>-0.3</v>
      </c>
      <c r="O27" s="42"/>
    </row>
    <row r="28" spans="1:15" ht="18.899999999999999" customHeight="1" x14ac:dyDescent="0.15">
      <c r="A28" s="42">
        <v>22</v>
      </c>
      <c r="B28" s="50" t="s">
        <v>20</v>
      </c>
      <c r="C28" s="49">
        <v>6009</v>
      </c>
      <c r="D28" s="49">
        <v>1996</v>
      </c>
      <c r="E28" s="48">
        <v>33.200000000000003</v>
      </c>
      <c r="F28" s="48">
        <v>2.9</v>
      </c>
      <c r="G28" s="46">
        <v>5784</v>
      </c>
      <c r="H28" s="45">
        <v>2045</v>
      </c>
      <c r="I28" s="54">
        <v>35.36</v>
      </c>
      <c r="J28" s="47">
        <v>2.2000000000000002</v>
      </c>
      <c r="K28" s="46">
        <v>5639</v>
      </c>
      <c r="L28" s="45">
        <v>1693</v>
      </c>
      <c r="M28" s="54">
        <v>30.02</v>
      </c>
      <c r="N28" s="43">
        <v>-5.4</v>
      </c>
      <c r="O28" s="42"/>
    </row>
    <row r="29" spans="1:15" ht="18.899999999999999" customHeight="1" x14ac:dyDescent="0.15">
      <c r="A29" s="42">
        <v>23</v>
      </c>
      <c r="B29" s="41" t="s">
        <v>19</v>
      </c>
      <c r="C29" s="40">
        <v>4997</v>
      </c>
      <c r="D29" s="40">
        <v>1931</v>
      </c>
      <c r="E29" s="39">
        <v>38.6</v>
      </c>
      <c r="F29" s="39">
        <v>-0.7</v>
      </c>
      <c r="G29" s="37">
        <v>4749</v>
      </c>
      <c r="H29" s="36">
        <v>1861</v>
      </c>
      <c r="I29" s="53">
        <v>39.190000000000005</v>
      </c>
      <c r="J29" s="38">
        <v>0.55000000000000426</v>
      </c>
      <c r="K29" s="37">
        <v>4658</v>
      </c>
      <c r="L29" s="36">
        <v>1627</v>
      </c>
      <c r="M29" s="53">
        <v>34.93</v>
      </c>
      <c r="N29" s="34">
        <v>-4.3</v>
      </c>
      <c r="O29" s="42"/>
    </row>
    <row r="30" spans="1:15" ht="18.899999999999999" customHeight="1" x14ac:dyDescent="0.15">
      <c r="A30" s="42">
        <v>24</v>
      </c>
      <c r="B30" s="41" t="s">
        <v>18</v>
      </c>
      <c r="C30" s="40">
        <v>1937</v>
      </c>
      <c r="D30" s="40">
        <v>615</v>
      </c>
      <c r="E30" s="39">
        <v>31.8</v>
      </c>
      <c r="F30" s="39">
        <v>-1.1000000000000001</v>
      </c>
      <c r="G30" s="37">
        <v>1857</v>
      </c>
      <c r="H30" s="36">
        <v>488</v>
      </c>
      <c r="I30" s="53">
        <v>26.279999999999998</v>
      </c>
      <c r="J30" s="38">
        <v>-5.4700000000000024</v>
      </c>
      <c r="K30" s="37">
        <v>1813</v>
      </c>
      <c r="L30" s="36">
        <v>388</v>
      </c>
      <c r="M30" s="53">
        <v>21.4</v>
      </c>
      <c r="N30" s="34">
        <v>-4.9000000000000004</v>
      </c>
      <c r="O30" s="42"/>
    </row>
    <row r="31" spans="1:15" ht="18.899999999999999" customHeight="1" x14ac:dyDescent="0.15">
      <c r="A31" s="42">
        <v>25</v>
      </c>
      <c r="B31" s="41" t="s">
        <v>17</v>
      </c>
      <c r="C31" s="40">
        <v>2766</v>
      </c>
      <c r="D31" s="40">
        <v>748</v>
      </c>
      <c r="E31" s="39">
        <v>27</v>
      </c>
      <c r="F31" s="39">
        <v>3.3</v>
      </c>
      <c r="G31" s="37">
        <v>2645</v>
      </c>
      <c r="H31" s="36">
        <v>729</v>
      </c>
      <c r="I31" s="53">
        <v>27.560000000000002</v>
      </c>
      <c r="J31" s="38">
        <v>0.6</v>
      </c>
      <c r="K31" s="37">
        <v>2618</v>
      </c>
      <c r="L31" s="36">
        <v>727</v>
      </c>
      <c r="M31" s="53">
        <v>27.77</v>
      </c>
      <c r="N31" s="34">
        <v>0.2</v>
      </c>
      <c r="O31" s="42"/>
    </row>
    <row r="32" spans="1:15" ht="18.899999999999999" customHeight="1" x14ac:dyDescent="0.15">
      <c r="A32" s="42">
        <v>26</v>
      </c>
      <c r="B32" s="41" t="s">
        <v>16</v>
      </c>
      <c r="C32" s="40">
        <v>1976</v>
      </c>
      <c r="D32" s="40">
        <v>601</v>
      </c>
      <c r="E32" s="39">
        <v>30.4</v>
      </c>
      <c r="F32" s="39">
        <v>-0.9</v>
      </c>
      <c r="G32" s="37">
        <v>1902</v>
      </c>
      <c r="H32" s="36">
        <v>670</v>
      </c>
      <c r="I32" s="53">
        <v>35.229999999999997</v>
      </c>
      <c r="J32" s="38">
        <v>4.82</v>
      </c>
      <c r="K32" s="37">
        <v>1876</v>
      </c>
      <c r="L32" s="36">
        <v>667</v>
      </c>
      <c r="M32" s="53">
        <v>35.549999999999997</v>
      </c>
      <c r="N32" s="34">
        <v>0.4</v>
      </c>
      <c r="O32" s="42"/>
    </row>
    <row r="33" spans="1:15" ht="18.899999999999999" customHeight="1" x14ac:dyDescent="0.15">
      <c r="A33" s="42">
        <v>27</v>
      </c>
      <c r="B33" s="41" t="s">
        <v>15</v>
      </c>
      <c r="C33" s="40">
        <v>2171</v>
      </c>
      <c r="D33" s="40">
        <v>763</v>
      </c>
      <c r="E33" s="39">
        <v>35.1</v>
      </c>
      <c r="F33" s="39">
        <v>0.5</v>
      </c>
      <c r="G33" s="37">
        <v>2061</v>
      </c>
      <c r="H33" s="36">
        <v>750</v>
      </c>
      <c r="I33" s="53">
        <v>36.39</v>
      </c>
      <c r="J33" s="38">
        <v>1.240000000000002</v>
      </c>
      <c r="K33" s="37">
        <v>2025</v>
      </c>
      <c r="L33" s="36">
        <v>615</v>
      </c>
      <c r="M33" s="53">
        <v>30.37</v>
      </c>
      <c r="N33" s="34">
        <v>-6</v>
      </c>
      <c r="O33" s="42"/>
    </row>
    <row r="34" spans="1:15" ht="18.899999999999999" customHeight="1" x14ac:dyDescent="0.15">
      <c r="A34" s="42">
        <v>28</v>
      </c>
      <c r="B34" s="41" t="s">
        <v>14</v>
      </c>
      <c r="C34" s="40">
        <v>2333</v>
      </c>
      <c r="D34" s="40">
        <v>969</v>
      </c>
      <c r="E34" s="39">
        <v>41.5</v>
      </c>
      <c r="F34" s="39">
        <v>3.2</v>
      </c>
      <c r="G34" s="37">
        <v>2219</v>
      </c>
      <c r="H34" s="36">
        <v>901</v>
      </c>
      <c r="I34" s="53">
        <v>40.6</v>
      </c>
      <c r="J34" s="38">
        <v>-0.92999999999999972</v>
      </c>
      <c r="K34" s="37">
        <v>2189</v>
      </c>
      <c r="L34" s="36">
        <v>589</v>
      </c>
      <c r="M34" s="53">
        <v>26.91</v>
      </c>
      <c r="N34" s="34">
        <v>-13.7</v>
      </c>
      <c r="O34" s="42"/>
    </row>
    <row r="35" spans="1:15" ht="18.899999999999999" customHeight="1" x14ac:dyDescent="0.15">
      <c r="A35" s="42">
        <v>29</v>
      </c>
      <c r="B35" s="41" t="s">
        <v>13</v>
      </c>
      <c r="C35" s="40">
        <v>2077</v>
      </c>
      <c r="D35" s="40">
        <v>649</v>
      </c>
      <c r="E35" s="39">
        <v>31.2</v>
      </c>
      <c r="F35" s="39">
        <v>-0.1</v>
      </c>
      <c r="G35" s="37">
        <v>1959</v>
      </c>
      <c r="H35" s="36">
        <v>614</v>
      </c>
      <c r="I35" s="53">
        <v>31.34</v>
      </c>
      <c r="J35" s="38">
        <v>8.9999999999999858E-2</v>
      </c>
      <c r="K35" s="37">
        <v>1901</v>
      </c>
      <c r="L35" s="36">
        <v>612</v>
      </c>
      <c r="M35" s="53">
        <v>32.19</v>
      </c>
      <c r="N35" s="34">
        <v>0.9</v>
      </c>
      <c r="O35" s="42"/>
    </row>
    <row r="36" spans="1:15" ht="18.899999999999999" customHeight="1" x14ac:dyDescent="0.15">
      <c r="A36" s="42">
        <v>30</v>
      </c>
      <c r="B36" s="41" t="s">
        <v>12</v>
      </c>
      <c r="C36" s="40">
        <v>1683</v>
      </c>
      <c r="D36" s="40">
        <v>526</v>
      </c>
      <c r="E36" s="39">
        <v>31.3</v>
      </c>
      <c r="F36" s="39">
        <v>0.4</v>
      </c>
      <c r="G36" s="37">
        <v>1600</v>
      </c>
      <c r="H36" s="36">
        <v>541</v>
      </c>
      <c r="I36" s="53">
        <v>33.81</v>
      </c>
      <c r="J36" s="38">
        <v>2.5</v>
      </c>
      <c r="K36" s="37">
        <v>1592</v>
      </c>
      <c r="L36" s="36">
        <v>472</v>
      </c>
      <c r="M36" s="53">
        <v>29.6</v>
      </c>
      <c r="N36" s="34">
        <v>-4.2</v>
      </c>
      <c r="O36" s="42"/>
    </row>
    <row r="37" spans="1:15" ht="18.899999999999999" customHeight="1" x14ac:dyDescent="0.15">
      <c r="A37" s="42">
        <v>31</v>
      </c>
      <c r="B37" s="41" t="s">
        <v>11</v>
      </c>
      <c r="C37" s="40">
        <v>5265</v>
      </c>
      <c r="D37" s="40">
        <v>1474</v>
      </c>
      <c r="E37" s="39">
        <v>28</v>
      </c>
      <c r="F37" s="39">
        <v>2.4</v>
      </c>
      <c r="G37" s="37">
        <v>4998</v>
      </c>
      <c r="H37" s="36">
        <v>1567</v>
      </c>
      <c r="I37" s="53">
        <v>31.35</v>
      </c>
      <c r="J37" s="38">
        <v>3.3499999999999979</v>
      </c>
      <c r="K37" s="37">
        <v>4916</v>
      </c>
      <c r="L37" s="36">
        <v>1104</v>
      </c>
      <c r="M37" s="53">
        <v>22.46</v>
      </c>
      <c r="N37" s="34">
        <v>-8.9</v>
      </c>
      <c r="O37" s="42"/>
    </row>
    <row r="38" spans="1:15" ht="18.899999999999999" customHeight="1" x14ac:dyDescent="0.15">
      <c r="A38" s="42">
        <v>32</v>
      </c>
      <c r="B38" s="41" t="s">
        <v>10</v>
      </c>
      <c r="C38" s="40">
        <v>7672</v>
      </c>
      <c r="D38" s="40">
        <v>2694</v>
      </c>
      <c r="E38" s="39">
        <v>35.1</v>
      </c>
      <c r="F38" s="39">
        <v>-1.4</v>
      </c>
      <c r="G38" s="37">
        <v>7288</v>
      </c>
      <c r="H38" s="36">
        <v>2590</v>
      </c>
      <c r="I38" s="53">
        <v>35.54</v>
      </c>
      <c r="J38" s="38">
        <v>0.42999999999999972</v>
      </c>
      <c r="K38" s="37">
        <v>7218</v>
      </c>
      <c r="L38" s="36">
        <v>2611</v>
      </c>
      <c r="M38" s="53">
        <v>36.17</v>
      </c>
      <c r="N38" s="34">
        <v>0.7</v>
      </c>
      <c r="O38" s="42"/>
    </row>
    <row r="39" spans="1:15" ht="18.899999999999999" customHeight="1" thickBot="1" x14ac:dyDescent="0.2">
      <c r="A39" s="52">
        <v>33</v>
      </c>
      <c r="B39" s="32" t="s">
        <v>9</v>
      </c>
      <c r="C39" s="31">
        <v>673</v>
      </c>
      <c r="D39" s="31">
        <v>300</v>
      </c>
      <c r="E39" s="30">
        <v>44.6</v>
      </c>
      <c r="F39" s="30">
        <v>1.3</v>
      </c>
      <c r="G39" s="28">
        <v>627</v>
      </c>
      <c r="H39" s="27">
        <v>277</v>
      </c>
      <c r="I39" s="51">
        <v>44.18</v>
      </c>
      <c r="J39" s="29">
        <v>-0.39999999999999858</v>
      </c>
      <c r="K39" s="28">
        <v>612</v>
      </c>
      <c r="L39" s="27">
        <v>229</v>
      </c>
      <c r="M39" s="51">
        <v>37.42</v>
      </c>
      <c r="N39" s="25">
        <v>-6.8</v>
      </c>
      <c r="O39" s="42"/>
    </row>
    <row r="40" spans="1:15" ht="18.899999999999999" customHeight="1" thickTop="1" x14ac:dyDescent="0.15">
      <c r="A40" s="42">
        <v>301</v>
      </c>
      <c r="B40" s="50" t="s">
        <v>8</v>
      </c>
      <c r="C40" s="49">
        <v>8229</v>
      </c>
      <c r="D40" s="49">
        <v>3001</v>
      </c>
      <c r="E40" s="48">
        <v>36.5</v>
      </c>
      <c r="F40" s="48">
        <v>0.4</v>
      </c>
      <c r="G40" s="46">
        <v>8157</v>
      </c>
      <c r="H40" s="45">
        <v>2876</v>
      </c>
      <c r="I40" s="44">
        <v>35.260000000000005</v>
      </c>
      <c r="J40" s="47">
        <v>-1.2099999999999937</v>
      </c>
      <c r="K40" s="46">
        <v>8094</v>
      </c>
      <c r="L40" s="45">
        <v>2772</v>
      </c>
      <c r="M40" s="44">
        <v>34.200000000000003</v>
      </c>
      <c r="N40" s="43">
        <v>-1.1000000000000001</v>
      </c>
      <c r="O40" s="4"/>
    </row>
    <row r="41" spans="1:15" ht="18.899999999999999" customHeight="1" x14ac:dyDescent="0.15">
      <c r="A41" s="42">
        <v>302</v>
      </c>
      <c r="B41" s="41" t="s">
        <v>7</v>
      </c>
      <c r="C41" s="40">
        <v>7783</v>
      </c>
      <c r="D41" s="40">
        <v>2712</v>
      </c>
      <c r="E41" s="39">
        <v>34.799999999999997</v>
      </c>
      <c r="F41" s="39">
        <v>0.6</v>
      </c>
      <c r="G41" s="37">
        <v>7867</v>
      </c>
      <c r="H41" s="36">
        <v>2729</v>
      </c>
      <c r="I41" s="35">
        <v>34.69</v>
      </c>
      <c r="J41" s="38">
        <v>-0.1</v>
      </c>
      <c r="K41" s="37">
        <v>7940</v>
      </c>
      <c r="L41" s="36">
        <v>2251</v>
      </c>
      <c r="M41" s="35">
        <v>28.35</v>
      </c>
      <c r="N41" s="34">
        <v>-6.3</v>
      </c>
      <c r="O41" s="4"/>
    </row>
    <row r="42" spans="1:15" ht="18.899999999999999" customHeight="1" x14ac:dyDescent="0.15">
      <c r="A42" s="42">
        <v>303</v>
      </c>
      <c r="B42" s="41" t="s">
        <v>6</v>
      </c>
      <c r="C42" s="40">
        <v>9111</v>
      </c>
      <c r="D42" s="40">
        <v>2212</v>
      </c>
      <c r="E42" s="39">
        <v>24.3</v>
      </c>
      <c r="F42" s="39">
        <v>1.1000000000000001</v>
      </c>
      <c r="G42" s="37">
        <v>8557</v>
      </c>
      <c r="H42" s="36">
        <v>2167</v>
      </c>
      <c r="I42" s="35">
        <v>25.319999999999997</v>
      </c>
      <c r="J42" s="38">
        <v>1.0399999999999991</v>
      </c>
      <c r="K42" s="37">
        <v>8287</v>
      </c>
      <c r="L42" s="36">
        <v>2104</v>
      </c>
      <c r="M42" s="35">
        <v>25.39</v>
      </c>
      <c r="N42" s="34">
        <v>0.1</v>
      </c>
      <c r="O42" s="4"/>
    </row>
    <row r="43" spans="1:15" ht="18.899999999999999" customHeight="1" x14ac:dyDescent="0.15">
      <c r="A43" s="42">
        <v>304</v>
      </c>
      <c r="B43" s="41" t="s">
        <v>5</v>
      </c>
      <c r="C43" s="40">
        <v>2236</v>
      </c>
      <c r="D43" s="40">
        <v>917</v>
      </c>
      <c r="E43" s="39">
        <v>41</v>
      </c>
      <c r="F43" s="39">
        <v>-1.6</v>
      </c>
      <c r="G43" s="37">
        <v>2204</v>
      </c>
      <c r="H43" s="36">
        <v>844</v>
      </c>
      <c r="I43" s="35">
        <v>38.29</v>
      </c>
      <c r="J43" s="38">
        <v>-2.720000000000006</v>
      </c>
      <c r="K43" s="37">
        <v>2176</v>
      </c>
      <c r="L43" s="36">
        <v>819</v>
      </c>
      <c r="M43" s="35">
        <v>37.64</v>
      </c>
      <c r="N43" s="34">
        <v>-0.7</v>
      </c>
      <c r="O43" s="4"/>
    </row>
    <row r="44" spans="1:15" ht="18.899999999999999" customHeight="1" x14ac:dyDescent="0.15">
      <c r="A44" s="42">
        <v>305</v>
      </c>
      <c r="B44" s="41" t="s">
        <v>4</v>
      </c>
      <c r="C44" s="40">
        <v>4479</v>
      </c>
      <c r="D44" s="40">
        <v>2124</v>
      </c>
      <c r="E44" s="39">
        <v>47.4</v>
      </c>
      <c r="F44" s="39">
        <v>0.2</v>
      </c>
      <c r="G44" s="37">
        <v>4365</v>
      </c>
      <c r="H44" s="36">
        <v>2114</v>
      </c>
      <c r="I44" s="35">
        <v>48.43</v>
      </c>
      <c r="J44" s="38">
        <v>1.009999999999998</v>
      </c>
      <c r="K44" s="37">
        <v>4333</v>
      </c>
      <c r="L44" s="36">
        <v>1833</v>
      </c>
      <c r="M44" s="35">
        <v>42.3</v>
      </c>
      <c r="N44" s="34">
        <v>-6.1</v>
      </c>
      <c r="O44" s="4"/>
    </row>
    <row r="45" spans="1:15" ht="18.899999999999999" customHeight="1" thickBot="1" x14ac:dyDescent="0.2">
      <c r="A45" s="33">
        <v>306</v>
      </c>
      <c r="B45" s="32" t="s">
        <v>3</v>
      </c>
      <c r="C45" s="31">
        <v>36348</v>
      </c>
      <c r="D45" s="31">
        <v>18259</v>
      </c>
      <c r="E45" s="30">
        <v>50.2</v>
      </c>
      <c r="F45" s="30">
        <v>0.3</v>
      </c>
      <c r="G45" s="28">
        <v>36275</v>
      </c>
      <c r="H45" s="27">
        <v>18284</v>
      </c>
      <c r="I45" s="26">
        <v>50.4</v>
      </c>
      <c r="J45" s="29">
        <v>0.17000000000000171</v>
      </c>
      <c r="K45" s="28">
        <v>36627</v>
      </c>
      <c r="L45" s="27">
        <v>16283</v>
      </c>
      <c r="M45" s="26">
        <v>44.46</v>
      </c>
      <c r="N45" s="25">
        <v>-5.9</v>
      </c>
      <c r="O45" s="4"/>
    </row>
    <row r="46" spans="1:15" ht="18.899999999999999" customHeight="1" thickTop="1" thickBot="1" x14ac:dyDescent="0.2">
      <c r="A46" s="128" t="s">
        <v>2</v>
      </c>
      <c r="B46" s="129"/>
      <c r="C46" s="19">
        <v>1288106</v>
      </c>
      <c r="D46" s="19">
        <v>365754</v>
      </c>
      <c r="E46" s="18">
        <v>28.4</v>
      </c>
      <c r="F46" s="18">
        <v>1</v>
      </c>
      <c r="G46" s="23">
        <v>1236636</v>
      </c>
      <c r="H46" s="22">
        <v>356549</v>
      </c>
      <c r="I46" s="21">
        <v>28.83</v>
      </c>
      <c r="J46" s="24">
        <v>0.44000000000000128</v>
      </c>
      <c r="K46" s="23">
        <v>1223888</v>
      </c>
      <c r="L46" s="22">
        <v>314861</v>
      </c>
      <c r="M46" s="21">
        <v>25.73</v>
      </c>
      <c r="N46" s="20">
        <v>-3.1</v>
      </c>
      <c r="O46" s="4"/>
    </row>
    <row r="47" spans="1:15" ht="18.899999999999999" customHeight="1" thickTop="1" thickBot="1" x14ac:dyDescent="0.2">
      <c r="A47" s="128" t="s">
        <v>1</v>
      </c>
      <c r="B47" s="129"/>
      <c r="C47" s="19">
        <v>68186</v>
      </c>
      <c r="D47" s="19">
        <v>29225</v>
      </c>
      <c r="E47" s="18">
        <v>42.9</v>
      </c>
      <c r="F47" s="18">
        <v>0.7</v>
      </c>
      <c r="G47" s="16">
        <v>67425</v>
      </c>
      <c r="H47" s="15">
        <v>29014</v>
      </c>
      <c r="I47" s="14">
        <v>43.03</v>
      </c>
      <c r="J47" s="17">
        <v>0.1</v>
      </c>
      <c r="K47" s="16">
        <v>67425</v>
      </c>
      <c r="L47" s="15">
        <v>29014</v>
      </c>
      <c r="M47" s="14">
        <v>38.630000000000003</v>
      </c>
      <c r="N47" s="13">
        <v>-4.4000000000000004</v>
      </c>
      <c r="O47" s="4"/>
    </row>
    <row r="48" spans="1:15" ht="18.899999999999999" customHeight="1" thickTop="1" thickBot="1" x14ac:dyDescent="0.2">
      <c r="A48" s="130" t="s">
        <v>0</v>
      </c>
      <c r="B48" s="131"/>
      <c r="C48" s="12">
        <v>1356292</v>
      </c>
      <c r="D48" s="12">
        <v>394979</v>
      </c>
      <c r="E48" s="11">
        <v>29.1</v>
      </c>
      <c r="F48" s="11">
        <v>0.9</v>
      </c>
      <c r="G48" s="8">
        <v>1304061</v>
      </c>
      <c r="H48" s="7">
        <v>385563</v>
      </c>
      <c r="I48" s="10">
        <v>29.57</v>
      </c>
      <c r="J48" s="9">
        <v>0.5</v>
      </c>
      <c r="K48" s="8">
        <v>1304061</v>
      </c>
      <c r="L48" s="7">
        <v>385563</v>
      </c>
      <c r="M48" s="6">
        <v>26.4</v>
      </c>
      <c r="N48" s="5">
        <v>-3.2</v>
      </c>
      <c r="O48" s="4"/>
    </row>
    <row r="49" spans="1:1" x14ac:dyDescent="0.15">
      <c r="A49" s="3"/>
    </row>
  </sheetData>
  <mergeCells count="11">
    <mergeCell ref="F4:F6"/>
    <mergeCell ref="A46:B46"/>
    <mergeCell ref="A47:B47"/>
    <mergeCell ref="A48:B48"/>
    <mergeCell ref="A3:B6"/>
    <mergeCell ref="C3:N3"/>
    <mergeCell ref="K4:M4"/>
    <mergeCell ref="N4:N6"/>
    <mergeCell ref="G4:I4"/>
    <mergeCell ref="J4:J6"/>
    <mergeCell ref="C4:E4"/>
  </mergeCells>
  <phoneticPr fontId="3"/>
  <printOptions horizontalCentered="1"/>
  <pageMargins left="0.59055118110236227" right="0.59055118110236227" top="0.51181102362204722" bottom="0.51181102362204722" header="0.51181102362204722" footer="0.51181102362204722"/>
  <pageSetup paperSize="9" scale="81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49"/>
  <sheetViews>
    <sheetView zoomScaleNormal="100" zoomScaleSheetLayoutView="100" workbookViewId="0"/>
  </sheetViews>
  <sheetFormatPr defaultColWidth="9" defaultRowHeight="10.8" x14ac:dyDescent="0.15"/>
  <cols>
    <col min="1" max="1" width="3.33203125" style="1" customWidth="1"/>
    <col min="2" max="2" width="8.44140625" style="1" customWidth="1"/>
    <col min="3" max="4" width="7.44140625" style="1" customWidth="1"/>
    <col min="5" max="5" width="7.44140625" style="2" customWidth="1"/>
    <col min="6" max="6" width="7.88671875" style="2" customWidth="1"/>
    <col min="7" max="7" width="8.109375" style="2" customWidth="1"/>
    <col min="8" max="9" width="7.44140625" style="2" customWidth="1"/>
    <col min="10" max="10" width="7.88671875" style="2" customWidth="1"/>
    <col min="11" max="11" width="8.109375" style="1" customWidth="1"/>
    <col min="12" max="12" width="7.44140625" style="1" customWidth="1"/>
    <col min="13" max="13" width="7.44140625" style="2" customWidth="1"/>
    <col min="14" max="14" width="7.88671875" style="1" customWidth="1"/>
    <col min="15" max="15" width="1.33203125" style="1" customWidth="1"/>
    <col min="16" max="16384" width="9" style="1"/>
  </cols>
  <sheetData>
    <row r="1" spans="1:16" ht="16.5" customHeight="1" x14ac:dyDescent="0.2">
      <c r="A1" s="118" t="s">
        <v>71</v>
      </c>
      <c r="B1" s="118"/>
      <c r="P1" s="75"/>
    </row>
    <row r="2" spans="1:16" ht="12" customHeight="1" thickBot="1" x14ac:dyDescent="0.2">
      <c r="A2" s="117"/>
      <c r="B2" s="117"/>
      <c r="M2" s="1"/>
      <c r="P2" s="75"/>
    </row>
    <row r="3" spans="1:16" ht="15" customHeight="1" x14ac:dyDescent="0.15">
      <c r="A3" s="132" t="s">
        <v>70</v>
      </c>
      <c r="B3" s="153"/>
      <c r="C3" s="157" t="s">
        <v>69</v>
      </c>
      <c r="D3" s="158"/>
      <c r="E3" s="158"/>
      <c r="F3" s="158"/>
      <c r="G3" s="158"/>
      <c r="H3" s="158"/>
      <c r="I3" s="158"/>
      <c r="J3" s="158"/>
      <c r="K3" s="158"/>
      <c r="L3" s="158"/>
      <c r="M3" s="158"/>
      <c r="N3" s="159"/>
      <c r="O3" s="119"/>
      <c r="P3" s="2"/>
    </row>
    <row r="4" spans="1:16" ht="16.2" customHeight="1" x14ac:dyDescent="0.15">
      <c r="A4" s="134"/>
      <c r="B4" s="154"/>
      <c r="C4" s="152" t="s">
        <v>68</v>
      </c>
      <c r="D4" s="147"/>
      <c r="E4" s="148"/>
      <c r="F4" s="161" t="s">
        <v>67</v>
      </c>
      <c r="G4" s="160" t="s">
        <v>66</v>
      </c>
      <c r="H4" s="147"/>
      <c r="I4" s="148"/>
      <c r="J4" s="164" t="s">
        <v>65</v>
      </c>
      <c r="K4" s="160" t="s">
        <v>64</v>
      </c>
      <c r="L4" s="147"/>
      <c r="M4" s="148"/>
      <c r="N4" s="149" t="s">
        <v>63</v>
      </c>
      <c r="O4" s="119"/>
      <c r="P4" s="2"/>
    </row>
    <row r="5" spans="1:16" ht="15" customHeight="1" x14ac:dyDescent="0.15">
      <c r="A5" s="134"/>
      <c r="B5" s="154"/>
      <c r="C5" s="71" t="s">
        <v>48</v>
      </c>
      <c r="D5" s="74" t="s">
        <v>62</v>
      </c>
      <c r="E5" s="71" t="s">
        <v>61</v>
      </c>
      <c r="F5" s="162"/>
      <c r="G5" s="116" t="s">
        <v>48</v>
      </c>
      <c r="H5" s="74" t="s">
        <v>62</v>
      </c>
      <c r="I5" s="71" t="s">
        <v>61</v>
      </c>
      <c r="J5" s="164"/>
      <c r="K5" s="116" t="s">
        <v>48</v>
      </c>
      <c r="L5" s="74" t="s">
        <v>62</v>
      </c>
      <c r="M5" s="71" t="s">
        <v>61</v>
      </c>
      <c r="N5" s="150"/>
      <c r="O5" s="119"/>
      <c r="P5" s="2"/>
    </row>
    <row r="6" spans="1:16" ht="15" customHeight="1" x14ac:dyDescent="0.15">
      <c r="A6" s="155"/>
      <c r="B6" s="156"/>
      <c r="C6" s="68" t="s">
        <v>43</v>
      </c>
      <c r="D6" s="69" t="s">
        <v>43</v>
      </c>
      <c r="E6" s="68" t="s">
        <v>60</v>
      </c>
      <c r="F6" s="163"/>
      <c r="G6" s="68" t="s">
        <v>43</v>
      </c>
      <c r="H6" s="69" t="s">
        <v>43</v>
      </c>
      <c r="I6" s="68" t="s">
        <v>59</v>
      </c>
      <c r="J6" s="164"/>
      <c r="K6" s="115" t="s">
        <v>43</v>
      </c>
      <c r="L6" s="69" t="s">
        <v>43</v>
      </c>
      <c r="M6" s="68" t="s">
        <v>58</v>
      </c>
      <c r="N6" s="151"/>
      <c r="O6" s="119"/>
      <c r="P6" s="2"/>
    </row>
    <row r="7" spans="1:16" ht="18.899999999999999" customHeight="1" x14ac:dyDescent="0.15">
      <c r="A7" s="42">
        <v>1</v>
      </c>
      <c r="B7" s="41" t="s">
        <v>41</v>
      </c>
      <c r="C7" s="120">
        <v>14397</v>
      </c>
      <c r="D7" s="120">
        <v>1102</v>
      </c>
      <c r="E7" s="121">
        <v>7.7</v>
      </c>
      <c r="F7" s="121">
        <v>0.5</v>
      </c>
      <c r="G7" s="101">
        <v>14248</v>
      </c>
      <c r="H7" s="109">
        <v>1244</v>
      </c>
      <c r="I7" s="122">
        <v>8.73</v>
      </c>
      <c r="J7" s="123">
        <v>1</v>
      </c>
      <c r="K7" s="102">
        <v>12159</v>
      </c>
      <c r="L7" s="109">
        <v>1132</v>
      </c>
      <c r="M7" s="122">
        <v>9.3000000000000007</v>
      </c>
      <c r="N7" s="124">
        <v>0.6</v>
      </c>
      <c r="O7" s="119"/>
      <c r="P7" s="2"/>
    </row>
    <row r="8" spans="1:16" ht="18.899999999999999" customHeight="1" x14ac:dyDescent="0.15">
      <c r="A8" s="42">
        <v>2</v>
      </c>
      <c r="B8" s="41" t="s">
        <v>40</v>
      </c>
      <c r="C8" s="103">
        <v>5794</v>
      </c>
      <c r="D8" s="103">
        <v>343</v>
      </c>
      <c r="E8" s="121">
        <v>5.9</v>
      </c>
      <c r="F8" s="121">
        <v>1.2</v>
      </c>
      <c r="G8" s="101">
        <v>5287</v>
      </c>
      <c r="H8" s="109">
        <v>339</v>
      </c>
      <c r="I8" s="123">
        <v>6.41</v>
      </c>
      <c r="J8" s="123">
        <v>0.5</v>
      </c>
      <c r="K8" s="102">
        <v>5406</v>
      </c>
      <c r="L8" s="109">
        <v>326</v>
      </c>
      <c r="M8" s="123">
        <v>6</v>
      </c>
      <c r="N8" s="93">
        <v>-0.4</v>
      </c>
      <c r="O8" s="4"/>
    </row>
    <row r="9" spans="1:16" ht="18.899999999999999" customHeight="1" x14ac:dyDescent="0.15">
      <c r="A9" s="42">
        <v>3</v>
      </c>
      <c r="B9" s="41" t="s">
        <v>39</v>
      </c>
      <c r="C9" s="103">
        <v>2220</v>
      </c>
      <c r="D9" s="103">
        <v>262</v>
      </c>
      <c r="E9" s="121">
        <v>11.8</v>
      </c>
      <c r="F9" s="121">
        <v>-0.5</v>
      </c>
      <c r="G9" s="101">
        <v>1980</v>
      </c>
      <c r="H9" s="109">
        <v>356</v>
      </c>
      <c r="I9" s="123">
        <v>17.97</v>
      </c>
      <c r="J9" s="123">
        <v>6.2</v>
      </c>
      <c r="K9" s="114">
        <v>1435</v>
      </c>
      <c r="L9" s="113">
        <v>129</v>
      </c>
      <c r="M9" s="97">
        <v>9</v>
      </c>
      <c r="N9" s="93">
        <v>-9</v>
      </c>
      <c r="O9" s="4"/>
    </row>
    <row r="10" spans="1:16" ht="18.899999999999999" customHeight="1" x14ac:dyDescent="0.15">
      <c r="A10" s="42">
        <v>4</v>
      </c>
      <c r="B10" s="41" t="s">
        <v>38</v>
      </c>
      <c r="C10" s="103">
        <v>1548</v>
      </c>
      <c r="D10" s="103">
        <v>224</v>
      </c>
      <c r="E10" s="121">
        <v>14.5</v>
      </c>
      <c r="F10" s="121">
        <v>6</v>
      </c>
      <c r="G10" s="101">
        <v>1330</v>
      </c>
      <c r="H10" s="109">
        <v>223</v>
      </c>
      <c r="I10" s="123">
        <v>16.760000000000002</v>
      </c>
      <c r="J10" s="123">
        <v>2.2999999999999998</v>
      </c>
      <c r="K10" s="114">
        <v>1314</v>
      </c>
      <c r="L10" s="113">
        <v>208</v>
      </c>
      <c r="M10" s="97">
        <v>15.8</v>
      </c>
      <c r="N10" s="93">
        <v>-1</v>
      </c>
      <c r="O10" s="4"/>
    </row>
    <row r="11" spans="1:16" ht="18.899999999999999" customHeight="1" x14ac:dyDescent="0.15">
      <c r="A11" s="42">
        <v>5</v>
      </c>
      <c r="B11" s="41" t="s">
        <v>37</v>
      </c>
      <c r="C11" s="103">
        <v>986</v>
      </c>
      <c r="D11" s="103">
        <v>172</v>
      </c>
      <c r="E11" s="121">
        <v>17.399999999999999</v>
      </c>
      <c r="F11" s="121">
        <v>3.2</v>
      </c>
      <c r="G11" s="101">
        <v>975</v>
      </c>
      <c r="H11" s="109">
        <v>166</v>
      </c>
      <c r="I11" s="123">
        <v>17.02</v>
      </c>
      <c r="J11" s="123">
        <v>-0.4</v>
      </c>
      <c r="K11" s="114">
        <v>829</v>
      </c>
      <c r="L11" s="113">
        <v>95</v>
      </c>
      <c r="M11" s="97">
        <v>11.5</v>
      </c>
      <c r="N11" s="93">
        <v>-5.5</v>
      </c>
      <c r="O11" s="4"/>
    </row>
    <row r="12" spans="1:16" ht="18.899999999999999" customHeight="1" x14ac:dyDescent="0.15">
      <c r="A12" s="42">
        <v>6</v>
      </c>
      <c r="B12" s="41" t="s">
        <v>36</v>
      </c>
      <c r="C12" s="103">
        <v>2294</v>
      </c>
      <c r="D12" s="103">
        <v>250</v>
      </c>
      <c r="E12" s="121">
        <v>10.9</v>
      </c>
      <c r="F12" s="121">
        <v>4.5</v>
      </c>
      <c r="G12" s="101">
        <v>2269</v>
      </c>
      <c r="H12" s="109">
        <v>270</v>
      </c>
      <c r="I12" s="123">
        <v>11.89</v>
      </c>
      <c r="J12" s="123">
        <v>1</v>
      </c>
      <c r="K12" s="114">
        <v>2002</v>
      </c>
      <c r="L12" s="113">
        <v>216</v>
      </c>
      <c r="M12" s="97">
        <v>10.8</v>
      </c>
      <c r="N12" s="93">
        <v>-1.1000000000000001</v>
      </c>
      <c r="O12" s="4"/>
    </row>
    <row r="13" spans="1:16" ht="18.899999999999999" customHeight="1" x14ac:dyDescent="0.15">
      <c r="A13" s="42">
        <v>7</v>
      </c>
      <c r="B13" s="41" t="s">
        <v>35</v>
      </c>
      <c r="C13" s="103">
        <v>761</v>
      </c>
      <c r="D13" s="103">
        <v>128</v>
      </c>
      <c r="E13" s="121">
        <v>16.8</v>
      </c>
      <c r="F13" s="121">
        <v>3.8</v>
      </c>
      <c r="G13" s="101">
        <v>749</v>
      </c>
      <c r="H13" s="109">
        <v>105</v>
      </c>
      <c r="I13" s="123">
        <v>14.01</v>
      </c>
      <c r="J13" s="123">
        <v>-2.8</v>
      </c>
      <c r="K13" s="114">
        <v>761</v>
      </c>
      <c r="L13" s="113">
        <v>76</v>
      </c>
      <c r="M13" s="97">
        <v>10</v>
      </c>
      <c r="N13" s="93">
        <v>-4</v>
      </c>
      <c r="O13" s="4"/>
    </row>
    <row r="14" spans="1:16" ht="18.899999999999999" customHeight="1" x14ac:dyDescent="0.15">
      <c r="A14" s="42">
        <v>8</v>
      </c>
      <c r="B14" s="41" t="s">
        <v>34</v>
      </c>
      <c r="C14" s="103">
        <v>1413</v>
      </c>
      <c r="D14" s="103">
        <v>101</v>
      </c>
      <c r="E14" s="121">
        <v>7.1</v>
      </c>
      <c r="F14" s="121">
        <v>2.2999999999999998</v>
      </c>
      <c r="G14" s="101">
        <v>1408</v>
      </c>
      <c r="H14" s="109">
        <v>96</v>
      </c>
      <c r="I14" s="123">
        <v>6.81</v>
      </c>
      <c r="J14" s="123">
        <v>-0.3</v>
      </c>
      <c r="K14" s="114">
        <v>1088</v>
      </c>
      <c r="L14" s="113">
        <v>100</v>
      </c>
      <c r="M14" s="97">
        <v>9.1999999999999993</v>
      </c>
      <c r="N14" s="93">
        <v>2.4</v>
      </c>
      <c r="O14" s="4"/>
    </row>
    <row r="15" spans="1:16" ht="18.899999999999999" customHeight="1" x14ac:dyDescent="0.15">
      <c r="A15" s="42">
        <v>9</v>
      </c>
      <c r="B15" s="41" t="s">
        <v>33</v>
      </c>
      <c r="C15" s="103">
        <v>330</v>
      </c>
      <c r="D15" s="103">
        <v>101</v>
      </c>
      <c r="E15" s="121">
        <v>30.6</v>
      </c>
      <c r="F15" s="121">
        <v>21</v>
      </c>
      <c r="G15" s="101">
        <v>313</v>
      </c>
      <c r="H15" s="109">
        <v>77</v>
      </c>
      <c r="I15" s="123">
        <v>24.6</v>
      </c>
      <c r="J15" s="123">
        <v>-6</v>
      </c>
      <c r="K15" s="114">
        <v>278</v>
      </c>
      <c r="L15" s="113">
        <v>104</v>
      </c>
      <c r="M15" s="97">
        <v>37.4</v>
      </c>
      <c r="N15" s="93">
        <v>12.8</v>
      </c>
      <c r="O15" s="4"/>
    </row>
    <row r="16" spans="1:16" ht="18.899999999999999" customHeight="1" x14ac:dyDescent="0.15">
      <c r="A16" s="42">
        <v>10</v>
      </c>
      <c r="B16" s="41" t="s">
        <v>32</v>
      </c>
      <c r="C16" s="103">
        <v>3384</v>
      </c>
      <c r="D16" s="103">
        <v>553</v>
      </c>
      <c r="E16" s="121">
        <v>16.3</v>
      </c>
      <c r="F16" s="121">
        <v>-7.8</v>
      </c>
      <c r="G16" s="101">
        <v>3235</v>
      </c>
      <c r="H16" s="109">
        <v>540</v>
      </c>
      <c r="I16" s="123">
        <v>16.690000000000001</v>
      </c>
      <c r="J16" s="123">
        <v>0.4</v>
      </c>
      <c r="K16" s="114">
        <v>2640</v>
      </c>
      <c r="L16" s="113">
        <v>413</v>
      </c>
      <c r="M16" s="97">
        <v>15.6</v>
      </c>
      <c r="N16" s="93">
        <v>-1.1000000000000001</v>
      </c>
      <c r="O16" s="4"/>
    </row>
    <row r="17" spans="1:15" ht="18.899999999999999" customHeight="1" x14ac:dyDescent="0.15">
      <c r="A17" s="42">
        <v>11</v>
      </c>
      <c r="B17" s="41" t="s">
        <v>31</v>
      </c>
      <c r="C17" s="103">
        <v>256</v>
      </c>
      <c r="D17" s="103">
        <v>88</v>
      </c>
      <c r="E17" s="121">
        <v>34.4</v>
      </c>
      <c r="F17" s="121">
        <v>2.1</v>
      </c>
      <c r="G17" s="101">
        <v>277</v>
      </c>
      <c r="H17" s="109">
        <v>84</v>
      </c>
      <c r="I17" s="123">
        <v>30.32</v>
      </c>
      <c r="J17" s="123">
        <v>-4.0999999999999996</v>
      </c>
      <c r="K17" s="102">
        <v>281</v>
      </c>
      <c r="L17" s="109">
        <v>103</v>
      </c>
      <c r="M17" s="97">
        <v>36.700000000000003</v>
      </c>
      <c r="N17" s="93">
        <v>6.4</v>
      </c>
      <c r="O17" s="4"/>
    </row>
    <row r="18" spans="1:15" ht="18.899999999999999" customHeight="1" x14ac:dyDescent="0.15">
      <c r="A18" s="42">
        <v>12</v>
      </c>
      <c r="B18" s="41" t="s">
        <v>30</v>
      </c>
      <c r="C18" s="103">
        <v>920</v>
      </c>
      <c r="D18" s="103">
        <v>153</v>
      </c>
      <c r="E18" s="121">
        <v>16.600000000000001</v>
      </c>
      <c r="F18" s="121">
        <v>0.6</v>
      </c>
      <c r="G18" s="101">
        <v>894</v>
      </c>
      <c r="H18" s="109">
        <v>127</v>
      </c>
      <c r="I18" s="123">
        <v>14.2</v>
      </c>
      <c r="J18" s="123">
        <v>-2.4</v>
      </c>
      <c r="K18" s="102">
        <v>710</v>
      </c>
      <c r="L18" s="109">
        <v>127</v>
      </c>
      <c r="M18" s="97">
        <v>17.899999999999999</v>
      </c>
      <c r="N18" s="93">
        <v>3.7</v>
      </c>
      <c r="O18" s="4"/>
    </row>
    <row r="19" spans="1:15" ht="18.899999999999999" customHeight="1" x14ac:dyDescent="0.15">
      <c r="A19" s="42">
        <v>13</v>
      </c>
      <c r="B19" s="41" t="s">
        <v>29</v>
      </c>
      <c r="C19" s="103">
        <v>1164</v>
      </c>
      <c r="D19" s="103">
        <v>182</v>
      </c>
      <c r="E19" s="121">
        <v>15.6</v>
      </c>
      <c r="F19" s="121">
        <v>1.9</v>
      </c>
      <c r="G19" s="101">
        <v>1229</v>
      </c>
      <c r="H19" s="109">
        <v>77</v>
      </c>
      <c r="I19" s="123">
        <v>6.26</v>
      </c>
      <c r="J19" s="123">
        <v>-9.3000000000000007</v>
      </c>
      <c r="K19" s="102">
        <v>975</v>
      </c>
      <c r="L19" s="109">
        <v>205</v>
      </c>
      <c r="M19" s="97">
        <v>21</v>
      </c>
      <c r="N19" s="93">
        <v>14.7</v>
      </c>
      <c r="O19" s="4"/>
    </row>
    <row r="20" spans="1:15" ht="18.899999999999999" customHeight="1" x14ac:dyDescent="0.15">
      <c r="A20" s="42">
        <v>14</v>
      </c>
      <c r="B20" s="41" t="s">
        <v>28</v>
      </c>
      <c r="C20" s="103">
        <v>1188</v>
      </c>
      <c r="D20" s="103">
        <v>242</v>
      </c>
      <c r="E20" s="121">
        <v>20.399999999999999</v>
      </c>
      <c r="F20" s="121">
        <v>-2.1</v>
      </c>
      <c r="G20" s="101">
        <v>1080</v>
      </c>
      <c r="H20" s="109">
        <v>229</v>
      </c>
      <c r="I20" s="123">
        <v>21.2</v>
      </c>
      <c r="J20" s="123">
        <v>0.8</v>
      </c>
      <c r="K20" s="102">
        <v>1071</v>
      </c>
      <c r="L20" s="109">
        <v>193</v>
      </c>
      <c r="M20" s="97">
        <v>18</v>
      </c>
      <c r="N20" s="93">
        <v>-3.2</v>
      </c>
      <c r="O20" s="4"/>
    </row>
    <row r="21" spans="1:15" ht="18.899999999999999" customHeight="1" x14ac:dyDescent="0.15">
      <c r="A21" s="42">
        <v>15</v>
      </c>
      <c r="B21" s="41" t="s">
        <v>27</v>
      </c>
      <c r="C21" s="103">
        <v>559</v>
      </c>
      <c r="D21" s="103">
        <v>75</v>
      </c>
      <c r="E21" s="121">
        <v>13.4</v>
      </c>
      <c r="F21" s="121">
        <v>-2.8</v>
      </c>
      <c r="G21" s="101">
        <v>421</v>
      </c>
      <c r="H21" s="109">
        <v>55</v>
      </c>
      <c r="I21" s="123">
        <v>13.06</v>
      </c>
      <c r="J21" s="123">
        <v>-0.3</v>
      </c>
      <c r="K21" s="102">
        <v>402</v>
      </c>
      <c r="L21" s="109">
        <v>43</v>
      </c>
      <c r="M21" s="97">
        <v>10.7</v>
      </c>
      <c r="N21" s="93">
        <v>-2.4</v>
      </c>
      <c r="O21" s="4"/>
    </row>
    <row r="22" spans="1:15" ht="18.899999999999999" customHeight="1" x14ac:dyDescent="0.15">
      <c r="A22" s="42">
        <v>16</v>
      </c>
      <c r="B22" s="41" t="s">
        <v>26</v>
      </c>
      <c r="C22" s="103">
        <v>834</v>
      </c>
      <c r="D22" s="103">
        <v>59</v>
      </c>
      <c r="E22" s="121">
        <v>7.1</v>
      </c>
      <c r="F22" s="121">
        <v>-1.5</v>
      </c>
      <c r="G22" s="101">
        <v>726</v>
      </c>
      <c r="H22" s="109">
        <v>87</v>
      </c>
      <c r="I22" s="123">
        <v>11.98</v>
      </c>
      <c r="J22" s="123">
        <v>4.9000000000000004</v>
      </c>
      <c r="K22" s="102">
        <v>657</v>
      </c>
      <c r="L22" s="109">
        <v>87</v>
      </c>
      <c r="M22" s="97">
        <v>13.2</v>
      </c>
      <c r="N22" s="93">
        <v>1.2</v>
      </c>
      <c r="O22" s="4"/>
    </row>
    <row r="23" spans="1:15" ht="18.899999999999999" customHeight="1" x14ac:dyDescent="0.15">
      <c r="A23" s="42">
        <v>17</v>
      </c>
      <c r="B23" s="41" t="s">
        <v>25</v>
      </c>
      <c r="C23" s="103">
        <v>757</v>
      </c>
      <c r="D23" s="103">
        <v>62</v>
      </c>
      <c r="E23" s="121">
        <v>8.1999999999999993</v>
      </c>
      <c r="F23" s="121">
        <v>2.7</v>
      </c>
      <c r="G23" s="101">
        <v>583</v>
      </c>
      <c r="H23" s="109">
        <v>40</v>
      </c>
      <c r="I23" s="123">
        <v>6.8609999999999998</v>
      </c>
      <c r="J23" s="123">
        <v>-1.3</v>
      </c>
      <c r="K23" s="102">
        <v>685</v>
      </c>
      <c r="L23" s="109">
        <v>39</v>
      </c>
      <c r="M23" s="97">
        <v>5.7</v>
      </c>
      <c r="N23" s="93">
        <v>-1.2</v>
      </c>
      <c r="O23" s="4"/>
    </row>
    <row r="24" spans="1:15" ht="18.899999999999999" customHeight="1" x14ac:dyDescent="0.15">
      <c r="A24" s="56">
        <v>18</v>
      </c>
      <c r="B24" s="41" t="s">
        <v>24</v>
      </c>
      <c r="C24" s="103">
        <v>178</v>
      </c>
      <c r="D24" s="103">
        <v>47</v>
      </c>
      <c r="E24" s="121">
        <v>26.4</v>
      </c>
      <c r="F24" s="121">
        <v>-1.2</v>
      </c>
      <c r="G24" s="101">
        <v>204</v>
      </c>
      <c r="H24" s="109">
        <v>51</v>
      </c>
      <c r="I24" s="123">
        <v>25</v>
      </c>
      <c r="J24" s="123">
        <v>-1.4</v>
      </c>
      <c r="K24" s="102">
        <v>182</v>
      </c>
      <c r="L24" s="109">
        <v>51</v>
      </c>
      <c r="M24" s="97">
        <v>28</v>
      </c>
      <c r="N24" s="93">
        <v>3</v>
      </c>
      <c r="O24" s="4"/>
    </row>
    <row r="25" spans="1:15" ht="18.899999999999999" customHeight="1" x14ac:dyDescent="0.15">
      <c r="A25" s="42">
        <v>19</v>
      </c>
      <c r="B25" s="50" t="s">
        <v>23</v>
      </c>
      <c r="C25" s="103">
        <v>175</v>
      </c>
      <c r="D25" s="103">
        <v>32</v>
      </c>
      <c r="E25" s="121">
        <v>18.3</v>
      </c>
      <c r="F25" s="121">
        <v>7.8</v>
      </c>
      <c r="G25" s="101">
        <v>157</v>
      </c>
      <c r="H25" s="109">
        <v>27</v>
      </c>
      <c r="I25" s="123">
        <v>17.190000000000001</v>
      </c>
      <c r="J25" s="123">
        <v>-1.1000000000000001</v>
      </c>
      <c r="K25" s="102">
        <v>122</v>
      </c>
      <c r="L25" s="109">
        <v>35</v>
      </c>
      <c r="M25" s="97">
        <v>28.7</v>
      </c>
      <c r="N25" s="93">
        <v>11.5</v>
      </c>
      <c r="O25" s="4"/>
    </row>
    <row r="26" spans="1:15" ht="18.899999999999999" customHeight="1" x14ac:dyDescent="0.15">
      <c r="A26" s="42">
        <v>20</v>
      </c>
      <c r="B26" s="41" t="s">
        <v>22</v>
      </c>
      <c r="C26" s="103">
        <v>291</v>
      </c>
      <c r="D26" s="103">
        <v>43</v>
      </c>
      <c r="E26" s="121">
        <v>14.8</v>
      </c>
      <c r="F26" s="121">
        <v>3.1</v>
      </c>
      <c r="G26" s="101">
        <v>269</v>
      </c>
      <c r="H26" s="109">
        <v>26</v>
      </c>
      <c r="I26" s="123">
        <v>9.66</v>
      </c>
      <c r="J26" s="123">
        <v>-5.0999999999999996</v>
      </c>
      <c r="K26" s="102">
        <v>361</v>
      </c>
      <c r="L26" s="109">
        <v>43</v>
      </c>
      <c r="M26" s="97">
        <v>11.9</v>
      </c>
      <c r="N26" s="93">
        <v>2.2000000000000002</v>
      </c>
      <c r="O26" s="4"/>
    </row>
    <row r="27" spans="1:15" ht="18.899999999999999" customHeight="1" x14ac:dyDescent="0.15">
      <c r="A27" s="56">
        <v>21</v>
      </c>
      <c r="B27" s="41" t="s">
        <v>21</v>
      </c>
      <c r="C27" s="98">
        <v>597</v>
      </c>
      <c r="D27" s="98">
        <v>122</v>
      </c>
      <c r="E27" s="165">
        <v>20.399999999999999</v>
      </c>
      <c r="F27" s="165">
        <v>1.6</v>
      </c>
      <c r="G27" s="111">
        <v>530</v>
      </c>
      <c r="H27" s="110">
        <v>95</v>
      </c>
      <c r="I27" s="122">
        <v>17.920000000000002</v>
      </c>
      <c r="J27" s="123">
        <v>-2.5</v>
      </c>
      <c r="K27" s="112">
        <v>510</v>
      </c>
      <c r="L27" s="110">
        <v>57</v>
      </c>
      <c r="M27" s="57">
        <v>11.2</v>
      </c>
      <c r="N27" s="93">
        <v>-6.7</v>
      </c>
      <c r="O27" s="4"/>
    </row>
    <row r="28" spans="1:15" ht="18.899999999999999" customHeight="1" x14ac:dyDescent="0.15">
      <c r="A28" s="42">
        <v>22</v>
      </c>
      <c r="B28" s="50" t="s">
        <v>20</v>
      </c>
      <c r="C28" s="103">
        <v>240</v>
      </c>
      <c r="D28" s="103">
        <v>29</v>
      </c>
      <c r="E28" s="121">
        <v>12.1</v>
      </c>
      <c r="F28" s="121">
        <v>-2</v>
      </c>
      <c r="G28" s="101">
        <v>256</v>
      </c>
      <c r="H28" s="109">
        <v>21</v>
      </c>
      <c r="I28" s="123">
        <v>8.1999999999999993</v>
      </c>
      <c r="J28" s="123">
        <v>-3.9</v>
      </c>
      <c r="K28" s="102">
        <v>211</v>
      </c>
      <c r="L28" s="109">
        <v>22</v>
      </c>
      <c r="M28" s="97">
        <v>10.4</v>
      </c>
      <c r="N28" s="93">
        <v>2.2000000000000002</v>
      </c>
      <c r="O28" s="4"/>
    </row>
    <row r="29" spans="1:15" ht="18.899999999999999" customHeight="1" x14ac:dyDescent="0.15">
      <c r="A29" s="42">
        <v>23</v>
      </c>
      <c r="B29" s="41" t="s">
        <v>19</v>
      </c>
      <c r="C29" s="103">
        <v>159</v>
      </c>
      <c r="D29" s="103">
        <v>60</v>
      </c>
      <c r="E29" s="121">
        <v>37.700000000000003</v>
      </c>
      <c r="F29" s="121">
        <v>-4.8</v>
      </c>
      <c r="G29" s="101">
        <v>139</v>
      </c>
      <c r="H29" s="109">
        <v>56</v>
      </c>
      <c r="I29" s="123">
        <v>40.28</v>
      </c>
      <c r="J29" s="123">
        <v>2.6</v>
      </c>
      <c r="K29" s="102">
        <v>122</v>
      </c>
      <c r="L29" s="109">
        <v>28</v>
      </c>
      <c r="M29" s="97">
        <v>23</v>
      </c>
      <c r="N29" s="93">
        <v>-17.3</v>
      </c>
      <c r="O29" s="4"/>
    </row>
    <row r="30" spans="1:15" ht="18.899999999999999" customHeight="1" x14ac:dyDescent="0.15">
      <c r="A30" s="42">
        <v>24</v>
      </c>
      <c r="B30" s="41" t="s">
        <v>18</v>
      </c>
      <c r="C30" s="103">
        <v>61</v>
      </c>
      <c r="D30" s="103">
        <v>15</v>
      </c>
      <c r="E30" s="121">
        <v>24.6</v>
      </c>
      <c r="F30" s="121">
        <v>6.7</v>
      </c>
      <c r="G30" s="101">
        <v>56</v>
      </c>
      <c r="H30" s="109">
        <v>18</v>
      </c>
      <c r="I30" s="123">
        <v>32.14</v>
      </c>
      <c r="J30" s="123">
        <v>7.5</v>
      </c>
      <c r="K30" s="102">
        <v>34</v>
      </c>
      <c r="L30" s="109">
        <v>11</v>
      </c>
      <c r="M30" s="97">
        <v>32.4</v>
      </c>
      <c r="N30" s="93">
        <v>0.3</v>
      </c>
      <c r="O30" s="4"/>
    </row>
    <row r="31" spans="1:15" ht="18.899999999999999" customHeight="1" x14ac:dyDescent="0.15">
      <c r="A31" s="42">
        <v>25</v>
      </c>
      <c r="B31" s="41" t="s">
        <v>17</v>
      </c>
      <c r="C31" s="103">
        <v>87</v>
      </c>
      <c r="D31" s="103">
        <v>3</v>
      </c>
      <c r="E31" s="121">
        <v>3.4</v>
      </c>
      <c r="F31" s="121">
        <v>-11.8</v>
      </c>
      <c r="G31" s="101">
        <v>83</v>
      </c>
      <c r="H31" s="109">
        <v>9</v>
      </c>
      <c r="I31" s="123">
        <v>10.84</v>
      </c>
      <c r="J31" s="123">
        <v>7.4</v>
      </c>
      <c r="K31" s="102">
        <v>63</v>
      </c>
      <c r="L31" s="109">
        <v>6</v>
      </c>
      <c r="M31" s="97">
        <v>9.5</v>
      </c>
      <c r="N31" s="93">
        <v>-1.3</v>
      </c>
      <c r="O31" s="4"/>
    </row>
    <row r="32" spans="1:15" ht="18.899999999999999" customHeight="1" x14ac:dyDescent="0.15">
      <c r="A32" s="42">
        <v>26</v>
      </c>
      <c r="B32" s="41" t="s">
        <v>16</v>
      </c>
      <c r="C32" s="103">
        <v>84</v>
      </c>
      <c r="D32" s="103">
        <v>19</v>
      </c>
      <c r="E32" s="121">
        <v>22.6</v>
      </c>
      <c r="F32" s="121">
        <v>-18.7</v>
      </c>
      <c r="G32" s="101">
        <v>94</v>
      </c>
      <c r="H32" s="109">
        <v>19</v>
      </c>
      <c r="I32" s="123">
        <v>20.21</v>
      </c>
      <c r="J32" s="123">
        <v>-2.4</v>
      </c>
      <c r="K32" s="102">
        <v>100</v>
      </c>
      <c r="L32" s="109">
        <v>24</v>
      </c>
      <c r="M32" s="97">
        <v>24</v>
      </c>
      <c r="N32" s="93">
        <v>3.8</v>
      </c>
      <c r="O32" s="4"/>
    </row>
    <row r="33" spans="1:15" ht="18.899999999999999" customHeight="1" x14ac:dyDescent="0.15">
      <c r="A33" s="42">
        <v>27</v>
      </c>
      <c r="B33" s="41" t="s">
        <v>15</v>
      </c>
      <c r="C33" s="103">
        <v>72</v>
      </c>
      <c r="D33" s="103">
        <v>17</v>
      </c>
      <c r="E33" s="121">
        <v>23.6</v>
      </c>
      <c r="F33" s="121">
        <v>-14.2</v>
      </c>
      <c r="G33" s="101">
        <v>84</v>
      </c>
      <c r="H33" s="109">
        <v>23</v>
      </c>
      <c r="I33" s="123">
        <v>27.38</v>
      </c>
      <c r="J33" s="123">
        <v>3.8</v>
      </c>
      <c r="K33" s="102">
        <v>72</v>
      </c>
      <c r="L33" s="109">
        <v>16</v>
      </c>
      <c r="M33" s="97">
        <v>22.2</v>
      </c>
      <c r="N33" s="93">
        <v>-5.2</v>
      </c>
      <c r="O33" s="4"/>
    </row>
    <row r="34" spans="1:15" ht="18.899999999999999" customHeight="1" x14ac:dyDescent="0.15">
      <c r="A34" s="42">
        <v>28</v>
      </c>
      <c r="B34" s="41" t="s">
        <v>14</v>
      </c>
      <c r="C34" s="103">
        <v>91</v>
      </c>
      <c r="D34" s="103">
        <v>68</v>
      </c>
      <c r="E34" s="121">
        <v>74.7</v>
      </c>
      <c r="F34" s="121">
        <v>-0.9</v>
      </c>
      <c r="G34" s="101">
        <v>93</v>
      </c>
      <c r="H34" s="109">
        <v>69</v>
      </c>
      <c r="I34" s="123">
        <v>74.19</v>
      </c>
      <c r="J34" s="123">
        <v>-0.5</v>
      </c>
      <c r="K34" s="102">
        <v>51</v>
      </c>
      <c r="L34" s="109">
        <v>27</v>
      </c>
      <c r="M34" s="97">
        <v>52.9</v>
      </c>
      <c r="N34" s="93">
        <v>-21.3</v>
      </c>
      <c r="O34" s="4"/>
    </row>
    <row r="35" spans="1:15" ht="18.899999999999999" customHeight="1" x14ac:dyDescent="0.15">
      <c r="A35" s="42">
        <v>29</v>
      </c>
      <c r="B35" s="41" t="s">
        <v>13</v>
      </c>
      <c r="C35" s="103">
        <v>58</v>
      </c>
      <c r="D35" s="103">
        <v>12</v>
      </c>
      <c r="E35" s="121">
        <v>20.7</v>
      </c>
      <c r="F35" s="121">
        <v>1.9</v>
      </c>
      <c r="G35" s="101">
        <v>55</v>
      </c>
      <c r="H35" s="109">
        <v>8</v>
      </c>
      <c r="I35" s="123">
        <v>14.54</v>
      </c>
      <c r="J35" s="123">
        <v>-6.2</v>
      </c>
      <c r="K35" s="102">
        <v>42</v>
      </c>
      <c r="L35" s="109">
        <v>9</v>
      </c>
      <c r="M35" s="97">
        <v>21.4</v>
      </c>
      <c r="N35" s="93">
        <v>6.9</v>
      </c>
      <c r="O35" s="4"/>
    </row>
    <row r="36" spans="1:15" ht="18.899999999999999" customHeight="1" x14ac:dyDescent="0.15">
      <c r="A36" s="42">
        <v>30</v>
      </c>
      <c r="B36" s="41" t="s">
        <v>12</v>
      </c>
      <c r="C36" s="103">
        <v>69</v>
      </c>
      <c r="D36" s="103">
        <v>7</v>
      </c>
      <c r="E36" s="121">
        <v>10.1</v>
      </c>
      <c r="F36" s="121">
        <v>0</v>
      </c>
      <c r="G36" s="101">
        <v>60</v>
      </c>
      <c r="H36" s="109">
        <v>5</v>
      </c>
      <c r="I36" s="123">
        <v>8.33</v>
      </c>
      <c r="J36" s="123">
        <v>-1.8</v>
      </c>
      <c r="K36" s="102">
        <v>68</v>
      </c>
      <c r="L36" s="109">
        <v>11</v>
      </c>
      <c r="M36" s="97">
        <v>16.2</v>
      </c>
      <c r="N36" s="93">
        <v>7.9</v>
      </c>
      <c r="O36" s="4"/>
    </row>
    <row r="37" spans="1:15" ht="18.899999999999999" customHeight="1" x14ac:dyDescent="0.15">
      <c r="A37" s="42">
        <v>31</v>
      </c>
      <c r="B37" s="41" t="s">
        <v>11</v>
      </c>
      <c r="C37" s="103">
        <v>174</v>
      </c>
      <c r="D37" s="103">
        <v>34</v>
      </c>
      <c r="E37" s="121">
        <v>19.5</v>
      </c>
      <c r="F37" s="121">
        <v>7.6</v>
      </c>
      <c r="G37" s="101">
        <v>170</v>
      </c>
      <c r="H37" s="109">
        <v>25</v>
      </c>
      <c r="I37" s="123">
        <v>14.7</v>
      </c>
      <c r="J37" s="123">
        <v>-4.8</v>
      </c>
      <c r="K37" s="102">
        <v>125</v>
      </c>
      <c r="L37" s="109">
        <v>16</v>
      </c>
      <c r="M37" s="97">
        <v>12.8</v>
      </c>
      <c r="N37" s="93">
        <v>-1.9</v>
      </c>
      <c r="O37" s="4"/>
    </row>
    <row r="38" spans="1:15" ht="18.899999999999999" customHeight="1" x14ac:dyDescent="0.15">
      <c r="A38" s="42">
        <v>32</v>
      </c>
      <c r="B38" s="41" t="s">
        <v>10</v>
      </c>
      <c r="C38" s="103">
        <v>266</v>
      </c>
      <c r="D38" s="103">
        <v>29</v>
      </c>
      <c r="E38" s="121">
        <v>10.9</v>
      </c>
      <c r="F38" s="121">
        <v>-0.3</v>
      </c>
      <c r="G38" s="101">
        <v>240</v>
      </c>
      <c r="H38" s="109">
        <v>23</v>
      </c>
      <c r="I38" s="123">
        <v>9.58</v>
      </c>
      <c r="J38" s="123">
        <v>-1.3</v>
      </c>
      <c r="K38" s="102">
        <v>215</v>
      </c>
      <c r="L38" s="109">
        <v>33</v>
      </c>
      <c r="M38" s="97">
        <v>15.3</v>
      </c>
      <c r="N38" s="93">
        <v>5.7</v>
      </c>
      <c r="O38" s="4"/>
    </row>
    <row r="39" spans="1:15" ht="18.899999999999999" customHeight="1" thickBot="1" x14ac:dyDescent="0.2">
      <c r="A39" s="52">
        <v>33</v>
      </c>
      <c r="B39" s="32" t="s">
        <v>9</v>
      </c>
      <c r="C39" s="108">
        <v>40</v>
      </c>
      <c r="D39" s="108">
        <v>24</v>
      </c>
      <c r="E39" s="166">
        <v>60</v>
      </c>
      <c r="F39" s="166">
        <v>-16.7</v>
      </c>
      <c r="G39" s="107">
        <v>37</v>
      </c>
      <c r="H39" s="105">
        <v>30</v>
      </c>
      <c r="I39" s="166">
        <v>81.08</v>
      </c>
      <c r="J39" s="167">
        <v>21.1</v>
      </c>
      <c r="K39" s="106">
        <v>34</v>
      </c>
      <c r="L39" s="105">
        <v>16</v>
      </c>
      <c r="M39" s="104">
        <v>47.1</v>
      </c>
      <c r="N39" s="88">
        <v>-34</v>
      </c>
      <c r="O39" s="4"/>
    </row>
    <row r="40" spans="1:15" ht="18.899999999999999" customHeight="1" thickTop="1" x14ac:dyDescent="0.15">
      <c r="A40" s="42">
        <v>301</v>
      </c>
      <c r="B40" s="50" t="s">
        <v>8</v>
      </c>
      <c r="C40" s="103">
        <v>278</v>
      </c>
      <c r="D40" s="103">
        <v>7</v>
      </c>
      <c r="E40" s="121">
        <v>2.5</v>
      </c>
      <c r="F40" s="121">
        <v>-0.7</v>
      </c>
      <c r="G40" s="101">
        <v>261</v>
      </c>
      <c r="H40" s="101">
        <v>7</v>
      </c>
      <c r="I40" s="168">
        <v>3.4</v>
      </c>
      <c r="J40" s="169">
        <v>0.9</v>
      </c>
      <c r="K40" s="102">
        <v>227</v>
      </c>
      <c r="L40" s="101">
        <v>7</v>
      </c>
      <c r="M40" s="100">
        <v>3.1</v>
      </c>
      <c r="N40" s="99">
        <v>-0.3</v>
      </c>
      <c r="O40" s="4"/>
    </row>
    <row r="41" spans="1:15" ht="18.899999999999999" customHeight="1" x14ac:dyDescent="0.15">
      <c r="A41" s="42">
        <v>302</v>
      </c>
      <c r="B41" s="41" t="s">
        <v>7</v>
      </c>
      <c r="C41" s="98">
        <v>335</v>
      </c>
      <c r="D41" s="98">
        <v>16</v>
      </c>
      <c r="E41" s="165">
        <v>4.8</v>
      </c>
      <c r="F41" s="165">
        <v>1.9</v>
      </c>
      <c r="G41" s="170">
        <v>340</v>
      </c>
      <c r="H41" s="170">
        <v>16</v>
      </c>
      <c r="I41" s="171">
        <v>5.9</v>
      </c>
      <c r="J41" s="123">
        <v>1.1000000000000001</v>
      </c>
      <c r="K41" s="96">
        <v>290</v>
      </c>
      <c r="L41" s="95">
        <v>14</v>
      </c>
      <c r="M41" s="94">
        <v>4.8</v>
      </c>
      <c r="N41" s="93">
        <v>-1.1000000000000001</v>
      </c>
      <c r="O41" s="4"/>
    </row>
    <row r="42" spans="1:15" ht="18.899999999999999" customHeight="1" x14ac:dyDescent="0.15">
      <c r="A42" s="42">
        <v>303</v>
      </c>
      <c r="B42" s="41" t="s">
        <v>6</v>
      </c>
      <c r="C42" s="98">
        <v>383</v>
      </c>
      <c r="D42" s="98">
        <v>5</v>
      </c>
      <c r="E42" s="165">
        <v>1.3</v>
      </c>
      <c r="F42" s="165">
        <v>-1.6</v>
      </c>
      <c r="G42" s="170">
        <v>398</v>
      </c>
      <c r="H42" s="170">
        <v>5</v>
      </c>
      <c r="I42" s="171">
        <v>2.8</v>
      </c>
      <c r="J42" s="123">
        <v>1.5</v>
      </c>
      <c r="K42" s="96">
        <v>427</v>
      </c>
      <c r="L42" s="95">
        <v>12</v>
      </c>
      <c r="M42" s="94">
        <v>2.8</v>
      </c>
      <c r="N42" s="93">
        <v>0</v>
      </c>
      <c r="O42" s="4"/>
    </row>
    <row r="43" spans="1:15" ht="18.899999999999999" customHeight="1" x14ac:dyDescent="0.15">
      <c r="A43" s="42">
        <v>304</v>
      </c>
      <c r="B43" s="41" t="s">
        <v>5</v>
      </c>
      <c r="C43" s="98">
        <v>67</v>
      </c>
      <c r="D43" s="98">
        <v>3</v>
      </c>
      <c r="E43" s="165">
        <v>4.5</v>
      </c>
      <c r="F43" s="165">
        <v>4.5</v>
      </c>
      <c r="G43" s="170">
        <v>71</v>
      </c>
      <c r="H43" s="170">
        <v>3</v>
      </c>
      <c r="I43" s="171">
        <v>5.6</v>
      </c>
      <c r="J43" s="123">
        <v>1.1000000000000001</v>
      </c>
      <c r="K43" s="96">
        <v>56</v>
      </c>
      <c r="L43" s="95">
        <v>1</v>
      </c>
      <c r="M43" s="94">
        <v>1.8</v>
      </c>
      <c r="N43" s="93">
        <v>-3.8</v>
      </c>
      <c r="O43" s="4"/>
    </row>
    <row r="44" spans="1:15" ht="18.899999999999999" customHeight="1" x14ac:dyDescent="0.15">
      <c r="A44" s="42">
        <v>305</v>
      </c>
      <c r="B44" s="41" t="s">
        <v>4</v>
      </c>
      <c r="C44" s="98">
        <v>462</v>
      </c>
      <c r="D44" s="98">
        <v>33</v>
      </c>
      <c r="E44" s="165">
        <v>7.1</v>
      </c>
      <c r="F44" s="165">
        <v>2</v>
      </c>
      <c r="G44" s="170">
        <v>418</v>
      </c>
      <c r="H44" s="170">
        <v>33</v>
      </c>
      <c r="I44" s="171">
        <v>12.4</v>
      </c>
      <c r="J44" s="123">
        <v>5.3</v>
      </c>
      <c r="K44" s="96">
        <v>343</v>
      </c>
      <c r="L44" s="95">
        <v>57</v>
      </c>
      <c r="M44" s="94">
        <v>16.600000000000001</v>
      </c>
      <c r="N44" s="93">
        <v>4.2</v>
      </c>
      <c r="O44" s="4"/>
    </row>
    <row r="45" spans="1:15" ht="18.899999999999999" customHeight="1" thickBot="1" x14ac:dyDescent="0.2">
      <c r="A45" s="33">
        <v>306</v>
      </c>
      <c r="B45" s="32" t="s">
        <v>3</v>
      </c>
      <c r="C45" s="92">
        <v>4350</v>
      </c>
      <c r="D45" s="92">
        <v>155</v>
      </c>
      <c r="E45" s="172">
        <v>3.6</v>
      </c>
      <c r="F45" s="172">
        <v>1.4</v>
      </c>
      <c r="G45" s="173">
        <v>4397</v>
      </c>
      <c r="H45" s="173">
        <v>155</v>
      </c>
      <c r="I45" s="174">
        <v>3.4</v>
      </c>
      <c r="J45" s="167">
        <v>-0.2</v>
      </c>
      <c r="K45" s="91">
        <v>4248</v>
      </c>
      <c r="L45" s="90">
        <v>102</v>
      </c>
      <c r="M45" s="89">
        <v>2.4</v>
      </c>
      <c r="N45" s="88">
        <v>-1</v>
      </c>
      <c r="O45" s="4"/>
    </row>
    <row r="46" spans="1:15" ht="18.899999999999999" customHeight="1" thickTop="1" thickBot="1" x14ac:dyDescent="0.2">
      <c r="A46" s="128" t="s">
        <v>2</v>
      </c>
      <c r="B46" s="129"/>
      <c r="C46" s="87">
        <v>41447</v>
      </c>
      <c r="D46" s="87">
        <v>4658</v>
      </c>
      <c r="E46" s="175">
        <v>11.2</v>
      </c>
      <c r="F46" s="175">
        <v>0.3</v>
      </c>
      <c r="G46" s="176">
        <v>39531</v>
      </c>
      <c r="H46" s="176">
        <v>4620</v>
      </c>
      <c r="I46" s="175">
        <v>11.7</v>
      </c>
      <c r="J46" s="177">
        <v>0.5</v>
      </c>
      <c r="K46" s="85">
        <v>35005</v>
      </c>
      <c r="L46" s="84">
        <v>4001</v>
      </c>
      <c r="M46" s="86">
        <v>11.4</v>
      </c>
      <c r="N46" s="82">
        <v>-0.3</v>
      </c>
      <c r="O46" s="4"/>
    </row>
    <row r="47" spans="1:15" ht="18.899999999999999" customHeight="1" thickTop="1" thickBot="1" x14ac:dyDescent="0.2">
      <c r="A47" s="128" t="s">
        <v>1</v>
      </c>
      <c r="B47" s="129"/>
      <c r="C47" s="87">
        <v>5875</v>
      </c>
      <c r="D47" s="87">
        <v>219</v>
      </c>
      <c r="E47" s="175">
        <v>3.7</v>
      </c>
      <c r="F47" s="175">
        <v>1.1000000000000001</v>
      </c>
      <c r="G47" s="176">
        <v>5885</v>
      </c>
      <c r="H47" s="176">
        <v>219</v>
      </c>
      <c r="I47" s="177">
        <v>4.2</v>
      </c>
      <c r="J47" s="177">
        <v>0.5</v>
      </c>
      <c r="K47" s="85">
        <v>5591</v>
      </c>
      <c r="L47" s="84">
        <v>193</v>
      </c>
      <c r="M47" s="83">
        <v>3.5</v>
      </c>
      <c r="N47" s="82">
        <v>-0.7</v>
      </c>
      <c r="O47" s="4"/>
    </row>
    <row r="48" spans="1:15" ht="18.899999999999999" customHeight="1" thickTop="1" thickBot="1" x14ac:dyDescent="0.2">
      <c r="A48" s="130" t="s">
        <v>0</v>
      </c>
      <c r="B48" s="131"/>
      <c r="C48" s="81">
        <v>47322</v>
      </c>
      <c r="D48" s="81">
        <v>4877</v>
      </c>
      <c r="E48" s="178">
        <v>10.3</v>
      </c>
      <c r="F48" s="178">
        <v>0.4</v>
      </c>
      <c r="G48" s="79">
        <v>45416</v>
      </c>
      <c r="H48" s="79">
        <v>4867</v>
      </c>
      <c r="I48" s="178">
        <v>10.7</v>
      </c>
      <c r="J48" s="179">
        <v>0.4</v>
      </c>
      <c r="K48" s="80">
        <v>40596</v>
      </c>
      <c r="L48" s="79">
        <v>4194</v>
      </c>
      <c r="M48" s="78">
        <v>10.3</v>
      </c>
      <c r="N48" s="77">
        <v>-0.4</v>
      </c>
      <c r="O48" s="4"/>
    </row>
    <row r="49" spans="1:1" x14ac:dyDescent="0.15">
      <c r="A49" s="3"/>
    </row>
  </sheetData>
  <mergeCells count="11">
    <mergeCell ref="N4:N6"/>
    <mergeCell ref="A48:B48"/>
    <mergeCell ref="C4:E4"/>
    <mergeCell ref="A46:B46"/>
    <mergeCell ref="A3:B6"/>
    <mergeCell ref="C3:N3"/>
    <mergeCell ref="K4:M4"/>
    <mergeCell ref="G4:I4"/>
    <mergeCell ref="A47:B47"/>
    <mergeCell ref="F4:F6"/>
    <mergeCell ref="J4:J6"/>
  </mergeCells>
  <phoneticPr fontId="6"/>
  <printOptions horizontalCentered="1"/>
  <pageMargins left="0.59055118110236227" right="0.59055118110236227" top="0.59055118110236227" bottom="0.51181102362204722" header="0.51181102362204722" footer="0.55118110236220474"/>
  <pageSetup paperSize="9" scale="85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特定健診受診率の状況</vt:lpstr>
      <vt:lpstr>保健指導終了率の状況</vt:lpstr>
      <vt:lpstr>特定健診受診率の状況!Print_Area</vt:lpstr>
      <vt:lpstr>保健指導終了率の状況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7-21T05:48:26Z</dcterms:created>
  <dcterms:modified xsi:type="dcterms:W3CDTF">2022-07-21T06:54:32Z</dcterms:modified>
</cp:coreProperties>
</file>